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3. Lenka\Aktualizovaný priečinok\2019 - 515. SZM a ŠZM ANGIO\02. Príprava\Rok 2022\02. PHZ\3. PTK\01. Odoslané\PTK pre časť 1 až 61\"/>
    </mc:Choice>
  </mc:AlternateContent>
  <bookViews>
    <workbookView xWindow="-105" yWindow="-105" windowWidth="19425" windowHeight="10425"/>
  </bookViews>
  <sheets>
    <sheet name="Cenová ponuka" sheetId="8" r:id="rId1"/>
  </sheets>
  <definedNames>
    <definedName name="_xlnm.Print_Area" localSheetId="0">'Cenová ponuka'!$A$1:$E$109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48" uniqueCount="956">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Položka č.2</t>
  </si>
  <si>
    <t>Položka č.3</t>
  </si>
  <si>
    <t>Položka č.4</t>
  </si>
  <si>
    <t>1.1</t>
  </si>
  <si>
    <t>1.2</t>
  </si>
  <si>
    <t>1.3</t>
  </si>
  <si>
    <t>1.4</t>
  </si>
  <si>
    <t>1.5</t>
  </si>
  <si>
    <t>1.6</t>
  </si>
  <si>
    <t>1.7</t>
  </si>
  <si>
    <t xml:space="preserve">Kalkulácia ceny a návrh na plnenie kritéria na vyhodnotenie ponúk - Štruktúrovaný rozpočet ceny predmetu zákazky </t>
  </si>
  <si>
    <t>6.4</t>
  </si>
  <si>
    <t>Položka č.5</t>
  </si>
  <si>
    <t>Položka č.6</t>
  </si>
  <si>
    <t>Časť č. 1 - Angiografické sety</t>
  </si>
  <si>
    <t>Sterilný angiografický set</t>
  </si>
  <si>
    <t>Sterilný neuro-intervenčný angiografický set</t>
  </si>
  <si>
    <t>Položka č. 1 - Sterilný angiografický set</t>
  </si>
  <si>
    <t>1.8</t>
  </si>
  <si>
    <t>1.9</t>
  </si>
  <si>
    <t>1.10</t>
  </si>
  <si>
    <t>1.11</t>
  </si>
  <si>
    <t>1.12</t>
  </si>
  <si>
    <t>1.13</t>
  </si>
  <si>
    <t>1.14</t>
  </si>
  <si>
    <t>1.15</t>
  </si>
  <si>
    <t>1.16</t>
  </si>
  <si>
    <t>1.17</t>
  </si>
  <si>
    <t>1.18</t>
  </si>
  <si>
    <t>1.19</t>
  </si>
  <si>
    <t>1.20</t>
  </si>
  <si>
    <t>1.21</t>
  </si>
  <si>
    <t>1.22</t>
  </si>
  <si>
    <t>1.23</t>
  </si>
  <si>
    <t>1.24</t>
  </si>
  <si>
    <t>1.25</t>
  </si>
  <si>
    <t>1.26</t>
  </si>
  <si>
    <t>miska, v ktorej je set uložený - 1x</t>
  </si>
  <si>
    <t xml:space="preserve">miska 120 ml, optimálne transparentná - 1x      </t>
  </si>
  <si>
    <t>miska 500 ml - farebná ( napr. modrá ) - 1x</t>
  </si>
  <si>
    <t>skalpel č. 11 s dlhou rukoväťou - 1x</t>
  </si>
  <si>
    <t>striekačka 2 ml - 1x</t>
  </si>
  <si>
    <t>striekačka 10 ml - 2x</t>
  </si>
  <si>
    <t>striekačka 20 ml - 1x</t>
  </si>
  <si>
    <t>ihla zelená, 21G; 0,8x40mm - 1x</t>
  </si>
  <si>
    <t>vysokotlaková hadička, 75 cm, min. 79 bar - 1x</t>
  </si>
  <si>
    <t>náplasť 9x10cm - 1x</t>
  </si>
  <si>
    <t>rukavice č. 7,5 bez prášku - 2x</t>
  </si>
  <si>
    <t>gázové štvorce 10 x 10 cm - 5x</t>
  </si>
  <si>
    <t>tampóny č. 5 - 15x</t>
  </si>
  <si>
    <t>pean z plastu - 1x</t>
  </si>
  <si>
    <t>ochranný vak na štít a zosilňovač, transparentný   120x120cm - 2x</t>
  </si>
  <si>
    <t>rúškovanie angiografického stola minim.rozmer  225x340cm - 1x</t>
  </si>
  <si>
    <t>rúško s lepiacou stranou, min. rozmer 72x50cm - 1x</t>
  </si>
  <si>
    <t>savá rúška min. rozmer 30x40cm - 1x</t>
  </si>
  <si>
    <t>papierové utierky min. rozmer 40x30 cm - 2x</t>
  </si>
  <si>
    <t>plášť L - 1x</t>
  </si>
  <si>
    <t>plášť XL, vhodné zvlášť zabalený - 1x</t>
  </si>
  <si>
    <t>vodiaci drôt J minimálne 260cm, 0.035´´ - 1x</t>
  </si>
  <si>
    <t>miska na vodiaci drôt , min. 1200 ml - 1x</t>
  </si>
  <si>
    <t>punkčná ihla; 18G; 1,3x70mm - 1x</t>
  </si>
  <si>
    <t>rúško na krytie stolíka, min. rozmer 90x140cm - 1x</t>
  </si>
  <si>
    <t>lepiaci štítok - 1x</t>
  </si>
  <si>
    <t>Položka č. 2 - Sterilný neuro-intervenčný angiografický set</t>
  </si>
  <si>
    <t>Operačný rúškovací zavádzací set pre neurointervenčné diagnostické aj terapeutické výkony, musí pozostávať z uvedených položiek:</t>
  </si>
  <si>
    <t>2.13</t>
  </si>
  <si>
    <t>2.14</t>
  </si>
  <si>
    <t>2.15</t>
  </si>
  <si>
    <t>2.16</t>
  </si>
  <si>
    <t>2.17</t>
  </si>
  <si>
    <t>2.18</t>
  </si>
  <si>
    <t>2.19</t>
  </si>
  <si>
    <t>2.20</t>
  </si>
  <si>
    <t>2.21</t>
  </si>
  <si>
    <t>2.22</t>
  </si>
  <si>
    <t>2.23</t>
  </si>
  <si>
    <t>2.24</t>
  </si>
  <si>
    <t>2.25</t>
  </si>
  <si>
    <t>2.26</t>
  </si>
  <si>
    <t>2.27</t>
  </si>
  <si>
    <t>2.28</t>
  </si>
  <si>
    <t>2.29</t>
  </si>
  <si>
    <t>vodiaci drôt J3, 0,035”, dĺžka 260 cm - 1x</t>
  </si>
  <si>
    <t>punkčná ihla 18G, 70 mm - 1x</t>
  </si>
  <si>
    <t>Y-konektor, 1 ks samostatne zabalený - 3x</t>
  </si>
  <si>
    <t>trojcestný kohút, ON-verzia - 3x</t>
  </si>
  <si>
    <t>jednorazový angiografický operačný plášť veľ. L, materiál SMS - 1x</t>
  </si>
  <si>
    <t>jednorazový angiografický operačný plášť veľ. XL, materiál SMS, oba samostatne zabalené - 2x</t>
  </si>
  <si>
    <t>miska na uloženie setu o rozmere 31 x 29 x 5 cm - 1x</t>
  </si>
  <si>
    <t>miska na uloženie vodiča, so zábranou proti dislokácii vodiča 1200 ml - 1x</t>
  </si>
  <si>
    <t>miska transparentná na kontrastnú látku 120 ml - 1x</t>
  </si>
  <si>
    <t>miska modrá na preplachový roztok 500 ml - 1x</t>
  </si>
  <si>
    <t>skalpel č. 11, s dlhou plastovou rukoväťou - 1x</t>
  </si>
  <si>
    <t>ochranný transparentný kryt na štít a zosilňovač 120 x 120 cm, 1 ks samostatne zabalený - 2x</t>
  </si>
  <si>
    <t>injekčná striekačka 2 ml LS - 1x</t>
  </si>
  <si>
    <t>injekčná striekačka 10 ml LS - 6x</t>
  </si>
  <si>
    <t>injekčná striekačka 20 ml LS - 5x</t>
  </si>
  <si>
    <t>injekčná striekačka s gumeným piestom a so závitom 2 ml LL - 1x</t>
  </si>
  <si>
    <t>injekčná striekačka s gumeným piestom a so závitom 10 ml LL - 1x</t>
  </si>
  <si>
    <t>injekčná ihla 21G (0,8 x 40 mm), zelená - 1x</t>
  </si>
  <si>
    <t>náplasť 9 x 10 cm - 1x</t>
  </si>
  <si>
    <t>operačné chirurgické rukavice bezpúdrové č. 7.5 - 2 páry</t>
  </si>
  <si>
    <t>operačné chirurgické rukavice bezpúdrové č. 7.0 - 1 pár</t>
  </si>
  <si>
    <t>gázové štvorce 10 x 10 cm 8-vrstvové - 30x</t>
  </si>
  <si>
    <t>tampóny veľ. 5 (60 mm) - 20 x</t>
  </si>
  <si>
    <t>krycia rúška s lepiacou stranou, 75 x 90 cm, samostatne zabalené - 1x</t>
  </si>
  <si>
    <t>savá rúška 40 x 60 cm - 1x</t>
  </si>
  <si>
    <t>papierové utierky 57 x 37 cm - 2x</t>
  </si>
  <si>
    <t>rúška na zakrytie operačného stolíka 100 x 150 cm, set je v nej zabalený - 1x</t>
  </si>
  <si>
    <t>Celý set musí byť kompletne zabalený v sterilnom transparentnom obale</t>
  </si>
  <si>
    <r>
      <t xml:space="preserve">Funkčná špecifikácia predmetu zákazky:  
</t>
    </r>
    <r>
      <rPr>
        <sz val="10"/>
        <color theme="1"/>
        <rFont val="Arial"/>
        <family val="2"/>
        <charset val="238"/>
      </rPr>
      <t>ŠZM pre intervenčnú angiológiu zameraný na sterilný angiografický set a neuro-set použiteľný pri diagnostickom aj terapeutickom intervenčnom výkone u cievneho pacienta</t>
    </r>
  </si>
  <si>
    <t>Časť č. 2 - Zavádzače, rekanalizačné 0.035‘‘vodiče a katétre</t>
  </si>
  <si>
    <r>
      <t xml:space="preserve">Funkčná špecifikácia predmetu zákazky:  
</t>
    </r>
    <r>
      <rPr>
        <sz val="10"/>
        <color theme="1"/>
        <rFont val="Arial"/>
        <family val="2"/>
        <charset val="238"/>
      </rPr>
      <t>Zavádzače slúžia ako cievne vstupy pri intervencii do tepnového a žilového systému, sú súčasťou každej intervenčnej procedúry, diagnostiky ako aj liečby. Vyžadujú sa zavádzače na širokú škálu využitia, v rozsahu od 4 – 11 F, v prevedení štandardných zavádzačov, ako aj zavádzačov použiteľných ako guiding katétre resp. kink-rezistentných zavádzačov, ako aj mikrozavádzačov. Ako súčasť materiálu požadujeme aj samostatnú hemostatickú chlopňu, hydrofílne rekanalizačné 0.035‘‘vodiče a podporný hydrofílny katéter.</t>
    </r>
  </si>
  <si>
    <t>Položka č. 1 - Mikro-zavádzače</t>
  </si>
  <si>
    <t>Optimálne sa zužujúce zavádzače vo veľkostiach minimálne 4 -6 F a v dĺžke medzi 5 – 7 cm, dodávané s vodičom, veľkosti 0.025‘‘.</t>
  </si>
  <si>
    <t>Položka č. 2 - Štandardné zavádzače</t>
  </si>
  <si>
    <t>Zužujúce sa zavádzače v rôznych KIT-och na optimálnu penetráciu s anti-kinking vlastnosťou, s hemostatickou chlopňou, vo veľkostiach 4 – 11 F a dĺžke medzi 10 – 25 cm</t>
  </si>
  <si>
    <t>Položka č. 3 - Kink-rezistentné zavádzače s vlastnosťou guiding katétrov</t>
  </si>
  <si>
    <t>Vysoko kink-rezistentné zavádzače so špirálou s nehrdzavejúcej ocele v PTFE obale s charakterom guiding katétra s hydrofílnym koncom na ľahkú penetráciu. Musia byť atraumatické, konštruované na diagnostiku a intervencie v periférnych tepnách, renálnych aj karotických tepnách. Ukončenie zavádzača by malo byť minimálne v rovnom a zakrivenom ukončení, minimálne vo veľkostiach 5 – 8 F a dĺžkach 45 – 90 cm</t>
  </si>
  <si>
    <t>2.1.</t>
  </si>
  <si>
    <t>Položka č. 4 - Samostatná hemostatická chlopňa</t>
  </si>
  <si>
    <t>Položka č. 5 - Rekanalizačné vodiče 0.035‘‘ ( eventualita 0.038‘‘)</t>
  </si>
  <si>
    <t>Rekanalizačné 0.035‘‘ hydrofílne nitinolové vodiče pokryté polyuretanom wolfrámu a potiahnuté hydrofílnym polymérom. Musia byť v rôznych dĺžkach, vrátane 300 cm, s rôznym zakrivením vrátane: rovné, v uhle, zakrivením v tvare J a v dvojotom zakrivení</t>
  </si>
  <si>
    <t>Položka č. 6 - Hydrofílny angiografický katéter</t>
  </si>
  <si>
    <t>Časť č. 3 - Diagnostické katétre a vodiče</t>
  </si>
  <si>
    <r>
      <t xml:space="preserve">Funkčná špecifikácia predmetu zákazky:  
</t>
    </r>
    <r>
      <rPr>
        <sz val="10"/>
        <color theme="1"/>
        <rFont val="Arial"/>
        <family val="2"/>
        <charset val="238"/>
      </rPr>
      <t>Špeciálny zdravotnícky materiál so zameraním na kompletné diagnostické portfólio intervenčnej angiológie a zároveň materiál určený na terapeutické použitie pri intervenciach na cievnom systéme všeobecne, katétre a vodiče.</t>
    </r>
  </si>
  <si>
    <t xml:space="preserve">Položka č. 1 - Diagnostické katétre pre prehľadnú angiografiu </t>
  </si>
  <si>
    <t>Široká škála diagnostických a terapeutických vodiacich katétrov v rôznych dĺžkach a veľkostiach (F) so širokým diagnostickým aj terapeutickým využitím určených pre prehľadnú angiografiu - vo veľkostiach katétrov 4 a 5 F a vybraných 6 F. Požadované katétre sú: Pigtail a Straight, môže byť aj Universal Flush.</t>
  </si>
  <si>
    <t xml:space="preserve">Položka č. 2 - Diagnostické katétre pre selektívnu angiografiu </t>
  </si>
  <si>
    <t>2.2.</t>
  </si>
  <si>
    <t>Položka č. 3 - Diagnostický vodič</t>
  </si>
  <si>
    <t>Časť č. 4 - 0.014‘‘a 0.035‘‘vodiče – zamerané na výbornú manévrovateľnosť</t>
  </si>
  <si>
    <r>
      <t xml:space="preserve">Funkčná špecifikácia predmetu zákazky:  
</t>
    </r>
    <r>
      <rPr>
        <sz val="10"/>
        <color theme="1"/>
        <rFont val="Arial"/>
        <family val="2"/>
        <charset val="238"/>
      </rPr>
      <t>Požadované 0.014‘‘a 0.035‘‘vodiče so zameraním na výbornú manévrovateľnosť, v rámci širokého spektra intervencií.</t>
    </r>
  </si>
  <si>
    <t xml:space="preserve">Položka č. 1 - 0.014‘‘vodič </t>
  </si>
  <si>
    <t>Vyžadujeme 0.014‘‘vodič vhodný na prechod komplexnými a tortuóznymi anatomickými štruktúrami, ako aj s možnosťou adekvátneho supportu pri ťažkých periférnych intervenciách, požadované sú v dĺžke 180 a 300 cm, koniec vodiča musí byť v rovnom ako aj J zakončení, optimálne distálna časť radiopacitná v dĺžke 3 cm, flexibílny vodič, zakončenie vodiča v prevedení soft alebo supersoft.</t>
  </si>
  <si>
    <t>Položka č. 2 - 0.035‘‘vodič</t>
  </si>
  <si>
    <t>Časť č. 5 - Rekanalizačné vodiče a mikrokatétre</t>
  </si>
  <si>
    <r>
      <t xml:space="preserve">Funkčná špecifikácia predmetu zákazky:  
</t>
    </r>
    <r>
      <rPr>
        <sz val="10"/>
        <color theme="1"/>
        <rFont val="Arial"/>
        <family val="2"/>
        <charset val="238"/>
      </rPr>
      <t>Požadované špeciálne rekanalizačné periférne vodiče, mikrokatétre a kombinované mikrokatétre s vodičmi na intervencie tepien končatín, vrátane rekanalizácie chronických kalcifikovaných lézií.</t>
    </r>
  </si>
  <si>
    <t>Položka č. 1 - Vodiče 0.014´´ koncepcie</t>
  </si>
  <si>
    <t>Položka č. 2 - Vodiče 0.018´´ koncepcie</t>
  </si>
  <si>
    <t>Položka č. 3 - Mikrokatétre s vodičmi</t>
  </si>
  <si>
    <t xml:space="preserve">Mikrokatétre so zavedenými vodičmi s možnosťou aplikácie kontrastu a terapeutických aj embolizačných látok v dĺžkach katétrov 105 a 125 cm a vybraných aj 150cm s veľkosťou hydrofílnych častí katétrov 1.9 a 2.6 Fr a veľkostiach vodičov 0.018´´, 0.021´´ a 0.027´´. </t>
  </si>
  <si>
    <t>Časť č. 6 - Rekanalizačné vodiče na prechod stenózami 0.014‘‘a 0.018‘‘ koncepcie</t>
  </si>
  <si>
    <r>
      <t xml:space="preserve">Funkčná špecifikácia predmetu zákazky:  
</t>
    </r>
    <r>
      <rPr>
        <sz val="10"/>
        <color theme="1"/>
        <rFont val="Arial"/>
        <family val="2"/>
        <charset val="238"/>
      </rPr>
      <t>Špeciálne rekanalizačné vodiče na použitie v periférnom tepnovom systéme končatín, na prechod závažnými stenózami resp. uzávermi tepien.</t>
    </r>
  </si>
  <si>
    <t>Položka č. 1 - Vodiče 0.014‘‘</t>
  </si>
  <si>
    <t>Položka č. 2 - Vodiče 0.018‘‘</t>
  </si>
  <si>
    <t>0.018‘‘vodiče určené na rekanalizáciu stenóz a uzáverov, vhodné je prevedenie minimálne v 3 druhoch vodiča, vodiče majú možnosť úpravy špičky podľa potreby, vodiče musia byť schopné robiť potrebný support pri intervencii, zároveň musia byť schopné prechodu léziami a musia byť minimálne v dĺžke 300 cm.</t>
  </si>
  <si>
    <t>Časť č. 7 - Manometrické PTA striekačky</t>
  </si>
  <si>
    <r>
      <t xml:space="preserve">Funkčná špecifikácia predmetu zákazky:  
</t>
    </r>
    <r>
      <rPr>
        <sz val="10"/>
        <color theme="1"/>
        <rFont val="Arial"/>
        <family val="2"/>
        <charset val="238"/>
      </rPr>
      <t>Požadované sú manometrické PTA striekačky s možnosťou použitia aj pri vysokotlakovej insuflácií.</t>
    </r>
  </si>
  <si>
    <t>Položka č. 1 - Manometrické PTA striekačky</t>
  </si>
  <si>
    <t>Časť č. 8 - Štandardné PTA balóny</t>
  </si>
  <si>
    <r>
      <t xml:space="preserve">Funkčná špecifikácia predmetu zákazky:  
</t>
    </r>
    <r>
      <rPr>
        <sz val="10"/>
        <color theme="1"/>
        <rFont val="Arial"/>
        <family val="2"/>
        <charset val="238"/>
      </rPr>
      <t>PTA katétre/balóny určené na štandardnú PTA procedúru, dilatáciu periférneho cievneho systému-arteriálneho a venózneho
Požadujeme štandardné PTA katétre/balóny určené na liečbu periférneho cievneho systému angioplastikou. Požadujeme balóny v kompatibilite na 0.014´´, 0.018´´ a 0.035´´ vodiče. Portfólio musí obsahovať široké priemery a dĺžky balónov, na 0.018´´ a 0.035´´ vodiče optimálne aj v dĺžkach balónov 300 cm. Požadované balóny musia byť kompatibilné v rozsahu 4-6 F zavádzačov, musia byť OTW koncepcie.</t>
    </r>
  </si>
  <si>
    <t>Položka č. 1 - PTA balónkové katétre na 0.014´´ vodič</t>
  </si>
  <si>
    <t>Položka č. 2 - PTA balónkové katétre na 0.018´´ vodič</t>
  </si>
  <si>
    <t>Položka č. 3 - PTA balónkové katétre na 0.035´´ vodič</t>
  </si>
  <si>
    <t>Časť č. 9 - DCB balóny</t>
  </si>
  <si>
    <r>
      <t xml:space="preserve">Funkčná špecifikácia predmetu zákazky:  
</t>
    </r>
    <r>
      <rPr>
        <sz val="10"/>
        <color theme="1"/>
        <rFont val="Arial"/>
        <family val="2"/>
        <charset val="238"/>
      </rPr>
      <t>Špeciálne DCB balóny s nízkym crossing profilom s veľkými dĺžkami povlečených balónov s obsahom liečiva paclitaxel. Požadujeme balóny kompatibilné s 0.018´´ a 0.035´´ vodičom. 
Požadujeme špeciálne nízkoprofilové DCB balóny určené na periférne tepny s indikáciou minimálne do femoropopliteálnej ako aj infrapopliteálnej oblasti. Vybrané balóny sa môžu použiť aj na ošetrenie dialyzačných AV fistúl.  Požadované balóny musia byť kompatibilné podľa veľkosti a typu so 4-6 F zavádzačom, požadujeme balóny  0.018´´ a 0.035´´ koncepcie, balóny musia byť nízkoprofilové, môžu byť semi-compliantné, musia byť OTW koncepcie a obsahovať paclitaxel.</t>
    </r>
  </si>
  <si>
    <t>Položka č. 1 - 0.035´´ DCB balóny</t>
  </si>
  <si>
    <t>Položka č. 2 - 0.018´´ DCB balóny</t>
  </si>
  <si>
    <t>Časť č. 10 - Špeciálne 4F DCB balóny</t>
  </si>
  <si>
    <r>
      <t xml:space="preserve">Funkčná špecifikácia predmetu zákazky:  
</t>
    </r>
    <r>
      <rPr>
        <sz val="10"/>
        <color theme="1"/>
        <rFont val="Arial"/>
        <family val="2"/>
        <charset val="238"/>
      </rPr>
      <t>Špeciálne DCB balóny s nízkym crossing profilom s veľkými dĺžkami povlečených balónov s obsahom liečiva paclitaxel. Požadujeme balóny kompatibilné s 0.018´´ vodičom.</t>
    </r>
  </si>
  <si>
    <t>Položka č. 1 - Špeciálne 4F DCB balóny</t>
  </si>
  <si>
    <t>Časť č. 11 - Špeciálny DCB balón (sirolimus)</t>
  </si>
  <si>
    <r>
      <t xml:space="preserve">Funkčná špecifikácia predmetu zákazky:  
</t>
    </r>
    <r>
      <rPr>
        <sz val="10"/>
        <color theme="1"/>
        <rFont val="Arial"/>
        <family val="2"/>
        <charset val="238"/>
      </rPr>
      <t>Špeciálne DCB balóny s nízkym crossing profilom, 0.018´´ kompatibilitou vodiča a povlečené liečivom sirolimus.</t>
    </r>
  </si>
  <si>
    <t>Položka č. 1 - Špeciálne DCB balóny (sirolimus)</t>
  </si>
  <si>
    <t>Časť č. 12 - Špeciálny scóringový balón</t>
  </si>
  <si>
    <r>
      <t xml:space="preserve">Funkčná špecifikácia predmetu zákazky:  
</t>
    </r>
    <r>
      <rPr>
        <sz val="10"/>
        <color theme="1"/>
        <rFont val="Arial"/>
        <family val="2"/>
        <charset val="238"/>
      </rPr>
      <t>Požadovaný ŠZM -  špeciálny scóring PTA balón, indikovaný na závažné komplexné aj vysoko kalcifikované stenózy ako eventualita „debulking“ metódy.</t>
    </r>
  </si>
  <si>
    <t>Položka č. 1 - Špeciálny scóringový balón</t>
  </si>
  <si>
    <t>Požadované balóny musia byť OTW koncepcie, kompatibilné s 0.035´´ vodičom a 5 resp. 6F zavádzačom, vybrané balóny musia byť v priemere minimálne medzi a vrátane 4 – 6 mm a v dĺžkach minimálne medzi a vrátane 40 – 200 mm , optimálne aj väčšou dĺžkou,  použité liečivo paclitaxel.</t>
  </si>
  <si>
    <t>Požadované balóny musia byť nízko-profilové, povlečené paclitaxelom, kompatibilné s 0.018´´ vodičom a so 4 resp. 5F zavádzačom. Priemer balónov musí byť minimálne medzi a vrátane 4 - 6 mm a dĺžkach vybraných balónov medzi a vrátane 40 – 200 mm, optimálne aj s väčšou dĺžkou.  Balóny sa môžu používať aj na ošetrenie dialyzačných AV fistúl.</t>
  </si>
  <si>
    <t>Časť č. 13 - Špeciálne balóny s kontrolovanou dilatáciou</t>
  </si>
  <si>
    <r>
      <t xml:space="preserve">Funkčná špecifikácia predmetu zákazky:  
</t>
    </r>
    <r>
      <rPr>
        <sz val="10"/>
        <color theme="1"/>
        <rFont val="Arial"/>
        <family val="2"/>
        <charset val="238"/>
      </rPr>
      <t>Požadované sú špeciálne balóny s kontrolovanou dilatáciou na zníženie rizika disekcií ciev, oproti POBA liečbe, s určením do periférnych tepien DK a renálnych tepien.</t>
    </r>
  </si>
  <si>
    <t>Položka č. 1 - Špeciálne balóny s kontrolovanou dilatáciou</t>
  </si>
  <si>
    <t>Časť č. 14 - Balónikový katéter na expanziu aortálnych stentgraftov</t>
  </si>
  <si>
    <r>
      <t xml:space="preserve">Funkčná špecifikácia predmetu zákazky:  
</t>
    </r>
    <r>
      <rPr>
        <sz val="10"/>
        <color theme="1"/>
        <rFont val="Arial"/>
        <family val="2"/>
        <charset val="238"/>
      </rPr>
      <t>Požadujeme 10 F kompatibilný balónikový katéter primárne určený na expanziu stentgraftov a dočasný uzáver aorty do rozmeru 41 mm.                                                                                                                        Požadovaný špeciálny 3-lúmenový balónikový katéter, kompatibilný s 10 F a 12 F a  väčším zavádzačom a 0.035´´ resp. 0.038´´ vodičom. Katéter musí byť dostupný v 2 efektívnych dĺžkach katétra a to 65 a 100cm, určený na dilatáciu brušnej a hrudnej aorty. Hustiaci priemer balóna musí byť medzi 10- 50 mm, pri maximálnom rozmere 50 mm s objemom 60 cm3. Balón musí byť nízko-profilový, s flexibílnou špičkou katétra a s optimálnou pušabilitou.</t>
    </r>
  </si>
  <si>
    <t>Položka č. 1 - Balónikový katéter s efektívnou dĺžkou 65 cm</t>
  </si>
  <si>
    <t>Balónikový katéter s efektívnou dĺžkou 65 cm</t>
  </si>
  <si>
    <t xml:space="preserve">Položka č. 2 - Balónikový katéter s efektívnou dĺžkou 100 cm </t>
  </si>
  <si>
    <t>Balónikový katéter s efektívnou dĺžkou 100 cm</t>
  </si>
  <si>
    <t>Časť č. 15 - Stenty a balóny veľkých priemerov</t>
  </si>
  <si>
    <r>
      <t xml:space="preserve">Funkčná špecifikácia predmetu zákazky:  
</t>
    </r>
    <r>
      <rPr>
        <sz val="10"/>
        <color theme="1"/>
        <rFont val="Arial"/>
        <family val="2"/>
        <charset val="238"/>
      </rPr>
      <t>Požadované stenty a balóny veľkých priemerov, ktoré sú určené na implantáciu do aorty, ako aj s možnosťou implantácie do hornej/dolnej dutej žily.</t>
    </r>
  </si>
  <si>
    <t>Časť č. 16 -  4F samo-expandovateľné stenty</t>
  </si>
  <si>
    <r>
      <t xml:space="preserve">Funkčná špecifikácia predmetu zákazky:  
</t>
    </r>
    <r>
      <rPr>
        <sz val="10"/>
        <color theme="1"/>
        <rFont val="Arial"/>
        <family val="2"/>
        <charset val="238"/>
      </rPr>
      <t xml:space="preserve">Požadované samo-expandovateľné nízkoprofilové a flexibilné 4 F stenty, kompatibilné na 0.018´´ vodič. </t>
    </r>
  </si>
  <si>
    <t>Položka č. 1 - Stent</t>
  </si>
  <si>
    <t>Časť č. 17 - 5F samo-expandovateľný stent ( BMS )</t>
  </si>
  <si>
    <r>
      <t xml:space="preserve">Funkčná špecifikácia predmetu zákazky:  
</t>
    </r>
    <r>
      <rPr>
        <sz val="10"/>
        <color theme="1"/>
        <rFont val="Arial"/>
        <family val="2"/>
        <charset val="238"/>
      </rPr>
      <t>Požadovaný ŠZM so zameraním na nízkoprofilové 5F samo-expandibilné stenty ( BMS )  určené do periférnych tepien.</t>
    </r>
  </si>
  <si>
    <t>Položka č. 1 - 5F samo-expandovateľný stent ( BMS )</t>
  </si>
  <si>
    <t>Mikro-zavádzače</t>
  </si>
  <si>
    <t>Štandardné zavádzače</t>
  </si>
  <si>
    <t>Kink-rezistentné zavádzače s vlastnosťou guiding katétrov</t>
  </si>
  <si>
    <t>Samostatná hemostatická chlopňa</t>
  </si>
  <si>
    <t>Rekanalizačné vodiče 0.035‘‘ ( eventualita 0.038‘‘)</t>
  </si>
  <si>
    <t>Hydrofílny angiografický katéter</t>
  </si>
  <si>
    <t xml:space="preserve">Diagnostické katétre pre prehľadnú angiografiu </t>
  </si>
  <si>
    <t xml:space="preserve">Diagnostické katétre pre selektívnu angiografiu </t>
  </si>
  <si>
    <t>Diagnostický vodič</t>
  </si>
  <si>
    <t>Vodiče 0.014´´ koncepcie</t>
  </si>
  <si>
    <t>Vodiče 0.018´´ koncepcie</t>
  </si>
  <si>
    <t>Mikrokatétre s vodičmi</t>
  </si>
  <si>
    <t>Vodiče 0.014‘‘</t>
  </si>
  <si>
    <t>Vodiče 0.018‘‘</t>
  </si>
  <si>
    <t>Manometrické PTA striekačky</t>
  </si>
  <si>
    <t>PTA balónkové katétre na 0.035´´ vodič</t>
  </si>
  <si>
    <t>0.035´´ DCB balóny</t>
  </si>
  <si>
    <t>0.018´´ DCB balóny</t>
  </si>
  <si>
    <t>Špeciálne 4F DCB balóny</t>
  </si>
  <si>
    <t>Špeciálne DCB balóny (sirolimus)</t>
  </si>
  <si>
    <t>Špeciálny scóringový balón</t>
  </si>
  <si>
    <t>Špeciálne balóny s kontrolovanou dilatáciou</t>
  </si>
  <si>
    <t xml:space="preserve">Balónikový katéter s efektívnou dĺžkou 100 cm </t>
  </si>
  <si>
    <t>Aortálne stenty</t>
  </si>
  <si>
    <t xml:space="preserve">Arteriálny/venózny PTA katéter na veľký priemer ciev </t>
  </si>
  <si>
    <t>Stent</t>
  </si>
  <si>
    <t>5F samo-expandovateľný stent ( BMS )</t>
  </si>
  <si>
    <t>Položka č. 1 - Aortálne stenty</t>
  </si>
  <si>
    <t>Položka č. 2 - Arteriálny/venózny PTA katéter na veľký priemer ciev</t>
  </si>
  <si>
    <t xml:space="preserve">Časť č. 18 -  6F samo-expandovateľné stenty </t>
  </si>
  <si>
    <t xml:space="preserve">Položka č. 1 - Suprainguinálne stenty </t>
  </si>
  <si>
    <t xml:space="preserve">Položka č. 2 - Infrainguinálne stenty </t>
  </si>
  <si>
    <t xml:space="preserve">Suprainguinálne stenty </t>
  </si>
  <si>
    <t xml:space="preserve">Infrainguinálne stenty </t>
  </si>
  <si>
    <t>Balón-expandovateľné suprainguinálne Co-Cr stenty</t>
  </si>
  <si>
    <t>Časť č. 19 - Balón-expandovateľné suprainguinálne Co-Cr stenty</t>
  </si>
  <si>
    <r>
      <t xml:space="preserve">Funkčná špecifikácia predmetu zákazky:  
</t>
    </r>
    <r>
      <rPr>
        <sz val="10"/>
        <color theme="1"/>
        <rFont val="Arial"/>
        <family val="2"/>
        <charset val="238"/>
      </rPr>
      <t>Balón-expandovateľné Co-Cr stenty určené na liečbu periférneho tepnového systému končatín, suprainguinálnych lézií.</t>
    </r>
  </si>
  <si>
    <t>Položka č. 1 - Balón-expandovateľné suprainguinálne Co-Cr stenty</t>
  </si>
  <si>
    <t>Časť č. 20 - Periférny balón-expandovateľné stenty</t>
  </si>
  <si>
    <r>
      <t xml:space="preserve">Funkčná špecifikácia predmetu zákazky:  
</t>
    </r>
    <r>
      <rPr>
        <sz val="10"/>
        <color theme="1"/>
        <rFont val="Arial"/>
        <family val="2"/>
        <charset val="238"/>
      </rPr>
      <t>Požadovaný periférny balón-expandovateľný stent ( BMS ).</t>
    </r>
  </si>
  <si>
    <t>Položka č. 1 - Periférny balón-expandovateľné stenty</t>
  </si>
  <si>
    <t>Periférny balón-expandovateľné stenty</t>
  </si>
  <si>
    <t>Špeciálne super-flexibilné stenty ( do femoro-popliteálnej oblasti )</t>
  </si>
  <si>
    <t>Časť č. 21 - Špeciálne super-flexibilné stenty ( do femoro-popliteálnej oblasti )</t>
  </si>
  <si>
    <r>
      <t xml:space="preserve">Funkčná špecifikácia predmetu zákazky:  
</t>
    </r>
    <r>
      <rPr>
        <sz val="10"/>
        <color theme="1"/>
        <rFont val="Arial"/>
        <family val="2"/>
        <charset val="238"/>
      </rPr>
      <t>Vyžadujú sa špeciálne superflexibilné samo-expandovateľné a kink rezistentné stenty určené na implantáciu do femoro-popliteálnej oblasti, vrátane implantácie len do popliteálnej oblasti.</t>
    </r>
  </si>
  <si>
    <t>Položka č. 1 - Špeciálne super-flexibilné stenty ( do femoro-popliteálnej oblasti )</t>
  </si>
  <si>
    <t>Časť č. 22 - Renálne stenty</t>
  </si>
  <si>
    <r>
      <t xml:space="preserve">Funkčná špecifikácia predmetu zákazky:  
</t>
    </r>
    <r>
      <rPr>
        <sz val="10"/>
        <color theme="1"/>
        <rFont val="Arial"/>
        <family val="2"/>
        <charset val="238"/>
      </rPr>
      <t>Požadované balón expandovateľné renálne stenty na liečbu zúžených obličkových tepien.</t>
    </r>
  </si>
  <si>
    <t>Položka č. 1 - Renálne stenty</t>
  </si>
  <si>
    <t>Renálne stenty</t>
  </si>
  <si>
    <t>Časť č. 23 - Venózne stenty</t>
  </si>
  <si>
    <t>Venózne stenty</t>
  </si>
  <si>
    <t>Položka č. 1 - Venózne stenty</t>
  </si>
  <si>
    <r>
      <t xml:space="preserve">Funkčná špecifikácia predmetu zákazky:  
</t>
    </r>
    <r>
      <rPr>
        <sz val="10"/>
        <color theme="1"/>
        <rFont val="Arial"/>
        <family val="2"/>
        <charset val="238"/>
      </rPr>
      <t>Samo-expandovateľné stenty určené na použitie vo venóznom systéme, s veľkou radiálnou silou, minimalizujúce eventuálnu migráciu stentov.</t>
    </r>
  </si>
  <si>
    <t xml:space="preserve">Časť č. 24 -  DES samo-expandibilné stenty </t>
  </si>
  <si>
    <r>
      <t xml:space="preserve">Funkčná špecifikácia predmetu zákazky:  
</t>
    </r>
    <r>
      <rPr>
        <sz val="10"/>
        <color theme="1"/>
        <rFont val="Arial"/>
        <family val="2"/>
        <charset val="238"/>
      </rPr>
      <t>Požadované sú samo-expandovateľné liekom povlečené stenty určené primárne na infrainguinálne ošetrenie periférnych tepien.</t>
    </r>
  </si>
  <si>
    <t xml:space="preserve">Položka č. 1 - DES samo-expandibilné stenty </t>
  </si>
  <si>
    <t xml:space="preserve">DES samo-expandibilné stenty </t>
  </si>
  <si>
    <t>Časť č. 25 -  Balón-expandovateľné infrainguinálne DES stenty</t>
  </si>
  <si>
    <t xml:space="preserve">Balón-expandovateľné infrainguinálne DES stenty </t>
  </si>
  <si>
    <r>
      <t xml:space="preserve">Funkčná špecifikácia predmetu zákazky:  
</t>
    </r>
    <r>
      <rPr>
        <sz val="10"/>
        <color theme="1"/>
        <rFont val="Arial"/>
        <family val="2"/>
        <charset val="238"/>
      </rPr>
      <t>Požadované balón expandovateľné stenty poťahované liekom, určené na implantáciu do tepien infrapopliteálnej oblasti DK.</t>
    </r>
  </si>
  <si>
    <t>Položka č. 1 - Balón-expandovateľné infrainguinálne DES stenty</t>
  </si>
  <si>
    <t>Časť č. 26 -  Periférne cievne stentgrafty samo-expandibilné</t>
  </si>
  <si>
    <r>
      <t xml:space="preserve">Funkčná špecifikácia predmetu zákazky:  
</t>
    </r>
    <r>
      <rPr>
        <sz val="10"/>
        <color theme="1"/>
        <rFont val="Arial"/>
        <family val="2"/>
        <charset val="238"/>
      </rPr>
      <t>Vyžadujú sa periférne cievne stentgrafty samo expandovateľné s možnosťou použitia v arteriálnom aj venóznom systéme.</t>
    </r>
  </si>
  <si>
    <t>Položka č. 1 - Periférne cievne stentgrafty samo-expandibilné, typ 1</t>
  </si>
  <si>
    <t xml:space="preserve">Položka č. 2 - Periférne cievne stentgrafty samo-expandibilné, typ 2 </t>
  </si>
  <si>
    <t xml:space="preserve">Časť č. 26 -  Periférne cievne stentgrafty samo-expandibilné </t>
  </si>
  <si>
    <t>Periférne cievne stentgrafty samo-expandibilné, typ 1</t>
  </si>
  <si>
    <t>Periférne cievne stentgrafty samo-expandibilné, typ 2</t>
  </si>
  <si>
    <t>Periférne cievne stentgrafty balón-expandibilné</t>
  </si>
  <si>
    <t>Časť č. 27 - Periférne cievne stentgrafty balón-expandibilné</t>
  </si>
  <si>
    <r>
      <t xml:space="preserve">Funkčná špecifikácia predmetu zákazky:  
</t>
    </r>
    <r>
      <rPr>
        <sz val="10"/>
        <color theme="1"/>
        <rFont val="Arial"/>
        <family val="2"/>
        <charset val="238"/>
      </rPr>
      <t xml:space="preserve">Požadované špeciálne „covered“ stenty-stentgrafty, balón-expandibilné na ošetrenie periférnych tepien. </t>
    </r>
  </si>
  <si>
    <t>Položka č. 1 - Periférne cievne stentgrafty balón-expandibilné</t>
  </si>
  <si>
    <t>Časť č. 28 -  Revaskularizačný trombektomický aspiračný katéter</t>
  </si>
  <si>
    <r>
      <t xml:space="preserve">Funkčná špecifikácia predmetu zákazky:  
</t>
    </r>
    <r>
      <rPr>
        <sz val="10"/>
        <color theme="1"/>
        <rFont val="Arial"/>
        <family val="2"/>
        <charset val="238"/>
      </rPr>
      <t>Aspiračný katéter na odsávanie akútnych a subakútnych tromboembolických resp. aterotrombogénnych uzáverov periférnych tepien.</t>
    </r>
  </si>
  <si>
    <t>Položka č. 1 - Revaskularizačný trombektomický aspiračný katéter</t>
  </si>
  <si>
    <t>Revaskularizačný trombektomický aspiračný katéter</t>
  </si>
  <si>
    <t>Časť č. 29 - Revaskularizačný trombolytický katéter</t>
  </si>
  <si>
    <t>Revaskularizačný trombolytický katéter</t>
  </si>
  <si>
    <t>Položka č. 1 - Revaskularizačný trombolytický katéter</t>
  </si>
  <si>
    <t>Časť č. 30 -  Súturový uzatvárací systém</t>
  </si>
  <si>
    <r>
      <t xml:space="preserve">Funkčná špecifikácia predmetu zákazky:  
</t>
    </r>
    <r>
      <rPr>
        <sz val="10"/>
        <color theme="1"/>
        <rFont val="Arial"/>
        <family val="2"/>
        <charset val="238"/>
      </rPr>
      <t>Požadujeme ŠZM so zameraním na cievne uzávery po punkcii artéria femoralis na mechanickom princípe jedného stehu.</t>
    </r>
  </si>
  <si>
    <t xml:space="preserve">Položka č. 1 - Cievne uzávery </t>
  </si>
  <si>
    <t>Sutúrový  uzatvárací systém musí pracovať na podklade jednovláknovej polypropylénovej sutúry, používanej na uzatváranie punkcií femorálnej artérie, systém musí byť 6F konštrukcie,</t>
  </si>
  <si>
    <t>musí obsahovať jednu sutúru a 2 ihly, pozostávať z puzdra a vodiacej časti. Vodiaca časť musí obsahovať ihly, sutúru a podložku a presne riadi umiestnenie ihiel v mieste punkcie,</t>
  </si>
  <si>
    <t>značkovací  lúmen sa musí nachádzať vo vodiacej časti, s intraluminálnym otvorom lúmenu, umiestneným na distálnom konci vodiacej časti, proximálne musí vodiaci lúmen vytŕčať z pomôcky, značkovací lúmen umožňuje odvádzanie krvi z femorálnej artérie, aby zabezpečil správne umiestnenie pomôcky,</t>
  </si>
  <si>
    <t>uzatvárací systém sa pohybuje po štandardnom (0,035´´ resp. 0,038“) vodiacom drôte,</t>
  </si>
  <si>
    <t>sutúrový nôž je tiež určený na odrezanie koncov sutúry, systém je konštruovaný na použitie v miestach od 5 po 8 F zavádzač,</t>
  </si>
  <si>
    <t>systém musí byť určený na jedno použitie.</t>
  </si>
  <si>
    <t xml:space="preserve">Cievne uzávery </t>
  </si>
  <si>
    <t xml:space="preserve">Cievne oklúdery </t>
  </si>
  <si>
    <t>Časť č. 31 - Cievne oklúdery</t>
  </si>
  <si>
    <r>
      <t xml:space="preserve">Funkčná špecifikácia predmetu zákazky:  
</t>
    </r>
    <r>
      <rPr>
        <sz val="10"/>
        <color theme="1"/>
        <rFont val="Arial"/>
        <family val="2"/>
        <charset val="238"/>
      </rPr>
      <t xml:space="preserve">Špeciálny zdravotnícky materiál pre intervenčnú angiológiu so zameraním na perkutánne implantovateľné vaskulárne oklúdery - plugy, určené na uzávery tepien a vén širokého spektra priemeru ciev, vrátane uzáverov ciev veľkého priemeru a  uzáverov tepien u pacientov s implantáciou hrudných a/alebo brušných alebo ilických stentgraftov ako prevencie progresie nárastu vaku aneuryzmy  - endoleaku II. typu resp. prevencia plnenia falošného lúmena pri disekciách hrudnej aorty. Vaskulárne oklúdery je možné použiť aj pri riešení operačne nezvládnuteľného alebo neriešiteľného krvácania pri traumatickom alebo onkologickom postihnutí v brušnej dutine a malej panve alebo v muskuloskeletálnom systéme. </t>
    </r>
  </si>
  <si>
    <t xml:space="preserve">Položka č. 1 -  Cievne oklúdery  </t>
  </si>
  <si>
    <t xml:space="preserve">ŠZM - perkutánne implantovateľné vaskulárne oklúdery - plugy na uzávery širokého spektra priemeru tepien a vén, vrátane veľkého priemeru. Vaskulárne oklúdery je možné použiť aj pri riešení operačne nezvládnuteľného alebo neriešiteľného krvácania pri traumatickom postihnutí orgánov brucha a panvy ako aj uzávery tepien pri operačne neriešiteľných komplikáciách tumorov obličiek, gynekologických nádorov a nádorov GIT-u. </t>
  </si>
  <si>
    <t xml:space="preserve">Požaduje sa komplexná škála cievnych nitinolových samoexpandovateľných okluderov 
 - vaskulárnych plugov - fixovaných na vodiči,
</t>
  </si>
  <si>
    <t xml:space="preserve">v rozmedzí veľkostí priemerov okluderov od 3 do 22 mm a možností uzáverov tepien a vén priemeru od 2,0 do 16,9 mm, 
</t>
  </si>
  <si>
    <t>požaduje sa kompatibilita so zavádzačmi veľkosti od 4 do 7 F a s vodiacimi katétrami vo veľkosti od 5 do 9 F.</t>
  </si>
  <si>
    <t>Časť č. 32 - Embolizačný materiál a katétre</t>
  </si>
  <si>
    <r>
      <t xml:space="preserve">Funkčná špecifikácia predmetu zákazky:  
</t>
    </r>
    <r>
      <rPr>
        <sz val="10"/>
        <color theme="1"/>
        <rFont val="Arial"/>
        <family val="2"/>
        <charset val="238"/>
      </rPr>
      <t>Vyžaduje sa pevný uvoľňovaný embolizačný materiál ( coily ) vrátane uvolňovača coilov a zároveň tekutý embolizačný periférny materiál, vrátane prepravných mikrokatétrov.</t>
    </r>
  </si>
  <si>
    <t xml:space="preserve">Položka č. 1 - Pevný uvoľňovaný embolizačný materiál – coily </t>
  </si>
  <si>
    <t xml:space="preserve">Položka č. 2 - Detacher – uvolňovač coilov </t>
  </si>
  <si>
    <t>Položka č. 3 - Mikrokatétre</t>
  </si>
  <si>
    <t>Položka č. 4 - Tekutý embolizačný materiál</t>
  </si>
  <si>
    <t>4.1</t>
  </si>
  <si>
    <t>4.1.1</t>
  </si>
  <si>
    <t>4.1.2</t>
  </si>
  <si>
    <t>Položka č. 5 - Mikrokatétre na tekutý embolizačný materiál</t>
  </si>
  <si>
    <t>Vyžaduje sa periférny embolizačný odpojiteľný ( fixovaný ) materiál – coily určený na arteriálne aj venózne periférne intervencie, coily sú implantované transkatetrálne, sú kompatibilné s katétrami minimálnej veľkosti lúmenu 0,0165 resp. 0,021 a samotnej veľkosti coilov v rozmedzí minimálne 2 – 20 mm a dĺžky v rozmedzí 40 -500 mm</t>
  </si>
  <si>
    <t>Vyžaduje sa kompatibilný detacher-uvolňovač odpojiteľných coilov</t>
  </si>
  <si>
    <t>Vyžadujú sa mikrokatétre na sondáž a zavádzanie pevných embolizačných materiálov, coilov, s veľkosťou distálnej časti v rozmedzí 1,7 – 3,0 F</t>
  </si>
  <si>
    <t>S obsahom 8 % ethylén vinyl alkoholu</t>
  </si>
  <si>
    <t>S obsahom 6 % ethylén vinyl alkoholu</t>
  </si>
  <si>
    <t>Vyžadujú sa kompatibilné mikrokatétre na zavádzanie tekutých embolizačných materiálov o veľkosti distálnej časti 1,5 F</t>
  </si>
  <si>
    <t xml:space="preserve">Rôznych typov a veľkostí s ohľadom na anatomické pomery implantovaných/uzatváraných tepien a vén v krátkych, resp. variabilných kotviacich zónach vrátane tepien malého profilu, 
</t>
  </si>
  <si>
    <t xml:space="preserve">Pevný uvoľňovaný embolizačný materiál – coily </t>
  </si>
  <si>
    <t xml:space="preserve">Detacher – uvolňovač coilov </t>
  </si>
  <si>
    <t>Mikrokatétre</t>
  </si>
  <si>
    <t>Tekutý embolizačný materiál</t>
  </si>
  <si>
    <t>Časť č. 33 - Pevný embolizačný materiál</t>
  </si>
  <si>
    <t xml:space="preserve">Nefixované coily </t>
  </si>
  <si>
    <t>Fixované (odpojiteľné) coily</t>
  </si>
  <si>
    <t>Fixované (detachable) coily s vnútornou vrstvou hydrofílneho polyméru</t>
  </si>
  <si>
    <t>Regulátor odpájania (detacher)</t>
  </si>
  <si>
    <t xml:space="preserve">Embolizačné mikročastice </t>
  </si>
  <si>
    <r>
      <t xml:space="preserve">Funkčná špecifikácia predmetu zákazky:  
</t>
    </r>
    <r>
      <rPr>
        <sz val="10"/>
        <color theme="1"/>
        <rFont val="Arial"/>
        <family val="2"/>
        <charset val="238"/>
      </rPr>
      <t xml:space="preserve">Špeciálny zdravotnícky materiál so zameraním na coily fixované a nefixované s hydrogélovým povlakom alebo hydrofílnym polymérom, vhodné na uzáver  tepien ako aj liečbu aneuryziem tepien, resp. riešenie komplikácie endograftingu aorty - endoleakov. </t>
    </r>
  </si>
  <si>
    <t>1.3.1</t>
  </si>
  <si>
    <t>1.4.1</t>
  </si>
  <si>
    <t>Periférny embolizačný endovaskulárny systém musí byť na podklade špirály s hydrogélovým povlakom, určený na uzatváranie periférných ciev, vaskulárnych malformácií a aneuryziem</t>
  </si>
  <si>
    <t>Nefixované coily 35 systém</t>
  </si>
  <si>
    <t>Nefixované coily 18 systém</t>
  </si>
  <si>
    <t>Položka č. 1 - Nefixované coily</t>
  </si>
  <si>
    <t xml:space="preserve">Položka č. 2 - Fixované (odpojiteľné) coily </t>
  </si>
  <si>
    <t>2.3.1</t>
  </si>
  <si>
    <t>2.4.1</t>
  </si>
  <si>
    <t>Fixované coily 35 systém</t>
  </si>
  <si>
    <t>Fixované coily 18 systém</t>
  </si>
  <si>
    <t>Položka č. 3 - Fixované (detachable) coily s vnútornou vrstvou hydrofílneho polyméru</t>
  </si>
  <si>
    <t>3.3.1</t>
  </si>
  <si>
    <t>3.4.1</t>
  </si>
  <si>
    <t>Periférny embolizačný endovaskulárny systém musí byť na podklade špirály s vnútornou vrstvou hydrofilného polyméru, určený na uzatváranie periférných ciev, vaskulárnych malformácií a aneuryziem</t>
  </si>
  <si>
    <t>Musia mať dlhú dobu možnej repozície – minimálne 20 minút</t>
  </si>
  <si>
    <t>Fixované (detachable) coily 35 systém</t>
  </si>
  <si>
    <t>Fixované (detachable) coily 18 systém</t>
  </si>
  <si>
    <t>Položka č. 4 - Regulátor odpájania (detacher)</t>
  </si>
  <si>
    <t>Kompatibilný uvoľňovač (detacher) špirál na 35 a 18 systém špirál</t>
  </si>
  <si>
    <t>5.2</t>
  </si>
  <si>
    <t>5.4</t>
  </si>
  <si>
    <t xml:space="preserve">Položka č. 5 - Embolizačné mikročastice </t>
  </si>
  <si>
    <t>Musia byť dostupné vo veľkosti mikročastíc medzi a vrátane 75 mikrometrov 
( plus/mínus 30 mikrometrov) – 1100 mikrometrov (plus/mínus 75 mikrometrov).</t>
  </si>
  <si>
    <t>Časť č. 34 - Kaválne filtre</t>
  </si>
  <si>
    <t>Kaválny filter</t>
  </si>
  <si>
    <t>Kaválny extraktor</t>
  </si>
  <si>
    <r>
      <t xml:space="preserve">Funkčná špecifikácia predmetu zákazky:  
</t>
    </r>
    <r>
      <rPr>
        <sz val="10"/>
        <color theme="1"/>
        <rFont val="Arial"/>
        <family val="2"/>
        <charset val="238"/>
      </rPr>
      <t>Požadujeme špeciálny zdravotnícky materiál na zavádzanie a extrakciu dočasných protekcií do dolnej dutej žily, ako ochrany pred pľúcnou embolizáciou z trombotizácií žíl dolných končatín. Požadované sú samotné kaválne filtre, rôznej koncepcie implantácie, minimálne jugulárne, brachiálne a femorálne a jugulárne extraktory v rovnom aj zakrivenom prevedení.</t>
    </r>
  </si>
  <si>
    <t xml:space="preserve">Položka č. 1 - Kaválny filter </t>
  </si>
  <si>
    <t>Položka č. 2 - Kaválny extraktor</t>
  </si>
  <si>
    <t xml:space="preserve">Časť č. 35 - Aterektomický systém  </t>
  </si>
  <si>
    <r>
      <t xml:space="preserve">Funkčná špecifikácia predmetu zákazky:  
</t>
    </r>
    <r>
      <rPr>
        <sz val="10"/>
        <color theme="1"/>
        <rFont val="Arial"/>
        <family val="2"/>
        <charset val="238"/>
      </rPr>
      <t xml:space="preserve">Požadované ŠZM - na endovaskulárne riešenie chronických kalcifikovaných tepnových stenóz - aterektomické katétrové systémy s pohonnou jednotkou.                                                                                                                                                                                                                                                                                                                                                                                                                                           </t>
    </r>
  </si>
  <si>
    <t>Položka č. 1 - Aterektomické katétrové systémy</t>
  </si>
  <si>
    <t>Položka č. 2 - Kompatibilná pohonná jednotka</t>
  </si>
  <si>
    <t xml:space="preserve">Časť č. 35 - Aterektomický systém </t>
  </si>
  <si>
    <t>Aterektomické katétrové systémy</t>
  </si>
  <si>
    <t>Kompatibilná pohonná jednotka</t>
  </si>
  <si>
    <t>Časť č. 36 -  Kombinovaný aterektomicko-trombektomický systém</t>
  </si>
  <si>
    <t>Aterektomicko-trombektomické katétre kompatibilné so zdrojovou jednotkou
 – konzolou aterektomického systému s aktívnou aspiráciou</t>
  </si>
  <si>
    <t>Kompatibilné vodiče k aterektomicko-trombektomickým katétrom</t>
  </si>
  <si>
    <t>Položka č. 2 - Kompatibilné vodiče k aterektomicko-trombektomickým katétrom</t>
  </si>
  <si>
    <t xml:space="preserve">Požadované kompatibilné vodiče o veľkosti 0.014´´ v dĺžke 300 cm s ohybnou pružinovou špičkou s rovným zakončením, v dlhom/krátkom prevedení špičky a so silikónovým krytím vodiča. </t>
  </si>
  <si>
    <t>Časť č. 37 - Hybridný aterektomický systém</t>
  </si>
  <si>
    <r>
      <t xml:space="preserve">Funkčná špecifikácia predmetu zákazky:  
</t>
    </r>
    <r>
      <rPr>
        <sz val="10"/>
        <color theme="1"/>
        <rFont val="Arial"/>
        <family val="2"/>
        <charset val="238"/>
      </rPr>
      <t xml:space="preserve">Požadujeme hybridný endovaskulárny aterektomický rekanalizačný systém, určený na rekanalizáciu závažných kalcifikovaných zúžení infrainguinálnych tepien dolných končatín, vrátane vnútornej stehnovej tepny a tepien nohy, technikou debulking. Systém je určený na špeciálny kompatibilný 0.014´´ vodič, katétre majú šírku medzi 1.8 – 2.4 mm vrátane a kompatibilné s 5 – 7 F zavádzačom. Systém nevyžaduje použitie dodatočnej distálnej protekcie, je jednorázový, katéter musí pracovať na zabudovanú batériu, nevyžaduje prítomnosť dodatočnej riadiacej jednotky.                                                                                                                                                                                                                                                                                                                                                                                                                     </t>
    </r>
  </si>
  <si>
    <t>Položka č. 1 -  Aterektomický katéter</t>
  </si>
  <si>
    <t>Jednorázový batériou poháňaný aterektomický katéter s priemerom katétra 1.8 a 2.2 mm a v dĺžke 130 a 149 cm a priemerom 2.4mm v dĺžke 127 a 130 cm.</t>
  </si>
  <si>
    <t xml:space="preserve">Položka č. 2 - Kompatibilný 0.014´´ vodič </t>
  </si>
  <si>
    <t>Požadujeme 0,014” vodič s nitonolovým jadrom, v dĺžke minimálne 300 cm, vhodný na ľahký support, optimálne typ floopy bez PTFE.</t>
  </si>
  <si>
    <t>Aterektomický katéter</t>
  </si>
  <si>
    <t>Mikrokatétre na tekutý embolizačný materiál</t>
  </si>
  <si>
    <t>PTA balónkové katétre na 0.018´´ vodič</t>
  </si>
  <si>
    <t>PTA balónkové katétre na 0.014´´ vodič</t>
  </si>
  <si>
    <t>Časť č. 38 - Mechanická trombektómia</t>
  </si>
  <si>
    <t xml:space="preserve">Trombektomický katéter typ č. 1 </t>
  </si>
  <si>
    <t>Trombektomický katéter typ č. 2</t>
  </si>
  <si>
    <t>Dočasný periprocedurálny kaválny filter</t>
  </si>
  <si>
    <t xml:space="preserve">Položka č. 1 - Trombektomický katéter typ č. 1 </t>
  </si>
  <si>
    <t xml:space="preserve">Dočasný periprocedurálny kaválny filter využívaný pri mechanickej trombektomickej endovaskulárnej liečbe a to s alebo bez trombolytickej liečby, na prevenciu pľúcnej embolizácie, kompatibilný so 6F zavádzačom.  </t>
  </si>
  <si>
    <t>Časť č. 39 - Intravaskulárna litotripsia</t>
  </si>
  <si>
    <r>
      <t xml:space="preserve">Funkčná špecifikácia predmetu zákazky:  
</t>
    </r>
    <r>
      <rPr>
        <sz val="10"/>
        <color theme="1"/>
        <rFont val="Arial"/>
        <family val="2"/>
        <charset val="238"/>
      </rPr>
      <t xml:space="preserve">Intravaskulárne katétre kombinujú efekt PTA angioplastiky a ultrazvuku , ktoré zabezpečujú minimalizáciu traumy cievnej steny selektívnou fraktúrou kalcifikátov v intime a medií cievnej steny. Výsledok liečby minimalizuje použitie stentov v periférnych tepnách. 
</t>
    </r>
  </si>
  <si>
    <t>Položka č. 1 - Intravaskulárne litotriptické katétre</t>
  </si>
  <si>
    <t>Katétre musia byť určené na liečbu kalcifikovaných lézií periférnych tepien, konkrétne použitie na ilické riečisko, spoločnú femorálnu tepnu, femoro-popliteálnu oblasť a tepny predkolenia.</t>
  </si>
  <si>
    <t xml:space="preserve">Katétre musia byť kompatibilné k riadiacej jednotke – generátoru, ku ktorému sa napájajú magnetickým pripojovacím kábelom, ktorý je súčasťou generátora. </t>
  </si>
  <si>
    <t>Intravaskulárne litotriptické katétre</t>
  </si>
  <si>
    <t>Časť č. 40 - EKOS katétre</t>
  </si>
  <si>
    <t>EKOS katétre</t>
  </si>
  <si>
    <t>Položka č. 1 - EKOS katétre</t>
  </si>
  <si>
    <t>Časť č. 41 - RDN - Renálna denervácia</t>
  </si>
  <si>
    <r>
      <t xml:space="preserve">Funkčná špecifikácia predmetu zákazky:  
</t>
    </r>
    <r>
      <rPr>
        <sz val="10"/>
        <color theme="1"/>
        <rFont val="Arial"/>
        <family val="2"/>
        <charset val="238"/>
      </rPr>
      <t xml:space="preserve">Požadovaný kompletný denervačný set, obsahujúci súpravu renálnych katétrov a vodiča na renálnu denerváciu, je určený na prenos rádiofrekvečnej energie cez stenu obličkovej tepny pri nízkych rádiofrekvenčných výkonoch s cieľom denervovať obličku pacienta. 
</t>
    </r>
  </si>
  <si>
    <t xml:space="preserve">Kompletný denervačný set – musí obsahovať súpravu katétrov na renálnu denerváciu, ktoré pozostávajú z denervačného katétra s viacerými elektródami a z vodiacich katétrov, cez ktoré sa zavádza samostatný denervačný katéter a zároveň vodiaci drôt, po ktorom sa zavádza denervačný katéter. Zavádzacie katétre a vodič musia byť určené na intervencie v koronárnom aj periférnom tepnovom systéme.            </t>
  </si>
  <si>
    <t>Súprava katétrov na renálnu denerváciu</t>
  </si>
  <si>
    <t>Položka č. 1 - Súprava katétrov na renálnu denerváciu</t>
  </si>
  <si>
    <t>Časť č. 42 - Re-entry katéter</t>
  </si>
  <si>
    <r>
      <t xml:space="preserve">Funkčná špecifikácia predmetu zákazky:  
</t>
    </r>
    <r>
      <rPr>
        <sz val="10"/>
        <color theme="1"/>
        <rFont val="Arial"/>
        <family val="2"/>
        <charset val="238"/>
      </rPr>
      <t>Re-entry zariadenie slúži pri rekanalizácií chronických uzáverov v tepnovom systéme na návrat zo subintimálneho priestoru cievy do intraluminálneho priestoru.</t>
    </r>
  </si>
  <si>
    <t>Položka č. 1 - Re-entry katéter</t>
  </si>
  <si>
    <t>Re-entry katéter</t>
  </si>
  <si>
    <t>Položka č.7</t>
  </si>
  <si>
    <t>Položka č.8</t>
  </si>
  <si>
    <t>Položka č.9</t>
  </si>
  <si>
    <t>Položka č.10</t>
  </si>
  <si>
    <t>Hrudný stentgraft</t>
  </si>
  <si>
    <t>Brušný stentgraft – bifurkačný  (telo brušného stentgraftu)</t>
  </si>
  <si>
    <t>Brušný stentgraft - predĺžovacie nožičky (kontralaterálne extenzie)</t>
  </si>
  <si>
    <t>Brušný stentgraft – predĺžovacie nožičky (pánvové extenzie)</t>
  </si>
  <si>
    <t>Brušný stentgraft - brušná extenzia</t>
  </si>
  <si>
    <t>Brušný stentgraft – aortálny tubus</t>
  </si>
  <si>
    <t xml:space="preserve">Brušný stentgraft - Aorto-Uni-Iliakálny stentgraft (AUI) </t>
  </si>
  <si>
    <t>Fixačný systém na hrudný a brušný stentgraft</t>
  </si>
  <si>
    <t>Zavádzače</t>
  </si>
  <si>
    <t>PTA balón</t>
  </si>
  <si>
    <t>Časť č. 43 - Štandardné aortálne stentgrafty a príslušenstvo</t>
  </si>
  <si>
    <r>
      <t xml:space="preserve">Funkčná špecifikácia predmetu zákazky:  
</t>
    </r>
    <r>
      <rPr>
        <sz val="10"/>
        <color theme="1"/>
        <rFont val="Arial"/>
        <family val="2"/>
        <charset val="238"/>
      </rPr>
      <t xml:space="preserve">Požadovaný ŠZM určený na bežnú intervenčnú liečbu periférnych tepien končatín, kompletný výber PTA a DCB PTA katétrov a rovnako výber samo-expandovateľných stentov na ošetrenie rozsiahleho postihnutia tepnového systému končatín. </t>
    </r>
  </si>
  <si>
    <t>Položka č. 1 - Hrudný stentgraft</t>
  </si>
  <si>
    <t>Položka č. 2 - Brušný stentgraft – bifurkačný  (telo brušného stentgraftu)</t>
  </si>
  <si>
    <t>Položka č. 3 - Brušný stentgraft - predĺžovacie nožičky (kontralaterálne extenzie)</t>
  </si>
  <si>
    <t>Položka č. 4 - Brušný stentgraft – predĺžovacie nožičky (pánvové extenzie)</t>
  </si>
  <si>
    <t>Položka č. 5 - Brušný stentgraft - brušná extenzia</t>
  </si>
  <si>
    <t>Položka č. 6 - Brušný stentgraft – aortálny tubus</t>
  </si>
  <si>
    <t xml:space="preserve">Položka č. 7 - Brušný stentgraft - Aorto-Uni-Iliakálny stentgraft (AUI) </t>
  </si>
  <si>
    <t>Položka č. 8 - Fixačný systém na hrudný a brušný stentgraft</t>
  </si>
  <si>
    <t>Položka č. 9 - Zavádzače</t>
  </si>
  <si>
    <t>Hydrofílne flexibilné zavádzače so superioritou na hemostázu, kink rezistentné s veľkosťou od 12 F do 26 F a pracovnou dĺžkou 28 cm, určené na ľahkú manipuláciu a implantáciu aortálnych stentov a stentgraftov.</t>
  </si>
  <si>
    <t>Položka č. 10 - PTA balón</t>
  </si>
  <si>
    <t>Časť č. 44 - Štandardné a neštandardné aortálne stentgrafty a príslušenstvo</t>
  </si>
  <si>
    <t>Položka č. 1 - Stentgraft hrudný pre reparácie TAA dvojdielny, teleskopický, nízkoprofilový, pre veľmi úzke zavádzacie cievne riečisko - proximálna časť</t>
  </si>
  <si>
    <t>Položka č. 2 - Stentgraft hrudný pre reparácie TAA dvojdielny, teleskopický, nízkoprofilový, pre veľmi úzke zavádzacie cievne riečisko - distálna časť</t>
  </si>
  <si>
    <t>Položka č. 3 - Stentgraft brušný pre reparácie AAA, trojdielny, nízkoprofilový, pre veľmi úzke zavádzacie cievne riečisko a krátky krčok aneuryzmy – bifurkovaná časť</t>
  </si>
  <si>
    <t>Položka č. 4 - Stentgraft brušný pre reparácie AAA, trojdielny, nízkoprofilový, pre veľmi úzke zavádzacie cievne riečisko a krátky krčok aneuryzmy – tubulárna časť</t>
  </si>
  <si>
    <t>Položka č. 5 - Stentgraft brušný pre reparácie AAA, trojdielny, pre veľmi angulovaný kŕčok aneuryzmy, s oceľovým Z stentom – bifurkačný</t>
  </si>
  <si>
    <t>Položka č. 6 - Stentgraft brušný bifurkačný „ iliac branch “ s odstupom pre pokračujúcu brušnú aneuryzmu spoločnej ilickej a externej ilickej tepny</t>
  </si>
  <si>
    <t>Položka č. 7 - Stentgraft hrudný tubulárny pre reparácie B - disekcií aorty</t>
  </si>
  <si>
    <t>Položka č. 8 - Stent aortálny pre reparácie B – disekcií</t>
  </si>
  <si>
    <t>Položka č. 9 - Stentgraft aortálny tubulárny proximálny pre juxtarenálne  a / alebo thorako - abdominálne aneuryzmy</t>
  </si>
  <si>
    <t>Položka č. 10 - Stentgraft aortálny bifurkačný distálny pre reparácie juxtarenálnych a thorako - abdominálnych aneuryziem</t>
  </si>
  <si>
    <t>Položka č. 11 - Stent do žilného riečiska</t>
  </si>
  <si>
    <t xml:space="preserve">Stent do iliofemorálneho žilného riečiska, pre vodiče 0,035´´na zavádzači 80 a 120 cm, pre zavádzače 7 F. Priemer 14 a 16 mm v dĺžkach 60, 100 a 140 mm. </t>
  </si>
  <si>
    <t>Položka č. 12 - Zavádzač štandardný bez ihly a vodiča röntgenkontrastná špička</t>
  </si>
  <si>
    <t>Položka č.  13 - Extraveľký zavádzač, pre aortálne intervencie</t>
  </si>
  <si>
    <t xml:space="preserve">Zavádzač určený pre aortálne intervencie, kompatibilný na 0.035 inch vodič, vo veľkostiach 20 – 24 F, požadujeme v dĺžkach 25 a 65 cm. </t>
  </si>
  <si>
    <t>Položka č. 14 - Zavádzač špeciálny vystužený oceľovým koilom pre vodič 0,038 inch.</t>
  </si>
  <si>
    <t>Položka č. 15 - Zavádzač vodiaci vystužený oceľovým koilom 90 cm</t>
  </si>
  <si>
    <t>Položka č. 16 - Zavádzač vodiaci vystužený oceľovým koilom 55 cm</t>
  </si>
  <si>
    <t>Položka č. 17 - Zavádzač vodiaci vystužený oceľovým koilom pre vodič 0,035 inch.</t>
  </si>
  <si>
    <t>Položka č. 18 - Zavádzač vodiaci vystužený oceľovým koilom 40 cm hydrofilný</t>
  </si>
  <si>
    <t>Položka č. 19 - Hydrofilné  vodiče</t>
  </si>
  <si>
    <t>Položka č.  20 - Vodič extra tuhý 0,035 inch.</t>
  </si>
  <si>
    <t>Položka č. 21 - Vaskulárny extraktor aortálny</t>
  </si>
  <si>
    <t>Položka č. 22 - Vaskulárny extraktor periférny</t>
  </si>
  <si>
    <t>Položka č.11</t>
  </si>
  <si>
    <t>Položka č.12</t>
  </si>
  <si>
    <t>Položka č.13</t>
  </si>
  <si>
    <t>Položka č.14</t>
  </si>
  <si>
    <t>Položka č.15</t>
  </si>
  <si>
    <t>Položka č.16</t>
  </si>
  <si>
    <t>Položka č.17</t>
  </si>
  <si>
    <t>Položka č.18</t>
  </si>
  <si>
    <t>Položka č.19</t>
  </si>
  <si>
    <t>Položka č.20</t>
  </si>
  <si>
    <t>Položka č.21</t>
  </si>
  <si>
    <t>Položka č.22</t>
  </si>
  <si>
    <t>Stentgraft hrudný pre reparácie TAA dvojdielny, teleskopický, nízkoprofilový, pre veľmi úzke zavádzacie cievne riečisko - proximálna časť</t>
  </si>
  <si>
    <t>Stentgraft hrudný pre reparácie TAA dvojdielny, teleskopický, nízkoprofilový, pre veľmi úzke zavádzacie cievne riečisko - distálna časť</t>
  </si>
  <si>
    <t>Stentgraft brušný pre reparácie AAA, trojdielny, nízkoprofilový, pre veľmi úzke zavádzacie cievne riečisko a krátky krčok aneuryzmy – bifurkovaná časť</t>
  </si>
  <si>
    <t>Stentgraft brušný pre reparácie AAA, trojdielny, nízkoprofilový, pre veľmi úzke zavádzacie cievne riečisko a krátky krčok aneuryzmy – tubulárna časť</t>
  </si>
  <si>
    <t>Stentgraft brušný pre reparácie AAA, trojdielny, pre veľmi angulovaný kŕčok aneuryzmy, s oceľovým Z stentom – bifurkačný</t>
  </si>
  <si>
    <t>Stentgraft brušný bifurkačný „ iliac branch “ s odstupom pre pokračujúcu brušnú aneuryzmu spoločnej ilickej a externej ilickej tepny</t>
  </si>
  <si>
    <t>Stentgraft hrudný tubulárny pre reparácie B - disekcií aorty</t>
  </si>
  <si>
    <t>Stent aortálny pre reparácie B – disekcií</t>
  </si>
  <si>
    <t>Stentgraft aortálny tubulárny proximálny pre juxtarenálne  a / alebo thorako - abdominálne aneuryzmy</t>
  </si>
  <si>
    <t>Stentgraft aortálny bifurkačný distálny pre reparácie juxtarenálnych a thorako - abdominálnych aneuryziem</t>
  </si>
  <si>
    <t>Stent do žilného riečiska</t>
  </si>
  <si>
    <t>Zavádzač štandardný bez ihly a vodiča röntgenkontrastná špička</t>
  </si>
  <si>
    <t>Extraveľký zavádzač, pre aortálne intervencie</t>
  </si>
  <si>
    <t>Zavádzač špeciálny vystužený oceľovým koilom pre vodič 0,038 inch.</t>
  </si>
  <si>
    <t>Zavádzač vodiaci vystužený oceľovým koilom 90 cm</t>
  </si>
  <si>
    <t>Zavádzač vodiaci vystužený oceľovým koilom 55 cm</t>
  </si>
  <si>
    <t>Zavádzač vodiaci vystužený oceľovým koilom pre vodič 0,035 inch.</t>
  </si>
  <si>
    <t>Hydrofilné  vodiče</t>
  </si>
  <si>
    <t>Zavádzač vodiaci vystužený oceľovým koilom 40 cm hydrofilný</t>
  </si>
  <si>
    <t>Vodič extra tuhý 0,035 inch.</t>
  </si>
  <si>
    <t>Vaskulárny extraktor aortálny</t>
  </si>
  <si>
    <t>Vaskulárny extraktor periférny</t>
  </si>
  <si>
    <t>Časť č. 45 - Extraktory/snare</t>
  </si>
  <si>
    <t>1-slučka</t>
  </si>
  <si>
    <t xml:space="preserve">Multi-slučka  </t>
  </si>
  <si>
    <t>Položka č. 1 - 1-slučka</t>
  </si>
  <si>
    <t xml:space="preserve">Musí pozostávať z 1 slučky, nitinolová konštrukcia, musí byť flexibilná a kink rezistentná. Slučky musia mať široký rozsah záchytných priemerov, požadujeme minimálne medzi a vrátane 5 – 35 mm, optimálne vo viacerých dĺžkach shaftov, minimálne v rozsahu 65 – 120 cm. </t>
  </si>
  <si>
    <t xml:space="preserve">Položka č. 2 - Multi-slučka </t>
  </si>
  <si>
    <t>Musí pozostávať z minimálne 3 nitinolových slučiek, ktoré zabezpečia lepší priestorový záchyt. Slučky musia mať široký rozsah záchytných priemerov, požadujeme minimálne medzi a vrátane 5 – 45 mm, optimálne vo viacerých dĺžkach shaftov, minimálne v dĺžke 120 cm.</t>
  </si>
  <si>
    <t>Časť č. 46 - Transradiál</t>
  </si>
  <si>
    <t>Položka č. 1 - PTA katétre na 0.018´´ vodič (Rx)</t>
  </si>
  <si>
    <t>Položka č. 2 - PTA katétre na 0.018´´ vodič (OTW)</t>
  </si>
  <si>
    <t>Položka č. 3 - Podporný katéter</t>
  </si>
  <si>
    <t>Položka č. 4 - Radiálne nízkoprofilové zavádzače</t>
  </si>
  <si>
    <t>Položka č. 5 - Mikrokatéter</t>
  </si>
  <si>
    <t>Položka č. 6 - Dvoj-vrstvový samo-expandibilný špeciálny stent ( micromesh )</t>
  </si>
  <si>
    <t>PTA katétre na 0.018´´ vodič (OTW)</t>
  </si>
  <si>
    <t>Podporný katéter</t>
  </si>
  <si>
    <t>Radiálne nízkoprofilové zavádzače</t>
  </si>
  <si>
    <t>Dvoj-vrstvový samo-expandibilný špeciálny stent ( micromesh )</t>
  </si>
  <si>
    <t>Časť č. 47 - Špeciálne dlhé DCB balóny 0.035´´</t>
  </si>
  <si>
    <t>Špeciálne dlhé DCB balóny 0.035´´</t>
  </si>
  <si>
    <t>Položka č. 1 - Špeciálne dlhé DCB balóny 0.035´´</t>
  </si>
  <si>
    <t>Časť č. 48 - DES samo-expandovateľné stenty ( sirolimus / amphilimus )</t>
  </si>
  <si>
    <t>DES samo-expandovateľné stenty ( sirolimus )</t>
  </si>
  <si>
    <r>
      <t xml:space="preserve">Funkčná špecifikácia predmetu zákazky:  
</t>
    </r>
    <r>
      <rPr>
        <sz val="10"/>
        <color theme="1"/>
        <rFont val="Arial"/>
        <family val="2"/>
        <charset val="238"/>
      </rPr>
      <t>Požadované sú samo-expandovateľné liekom povlečené stenty ( modifikovaným sirolimom ) určené primárne na infrainguinálne ošetrenie periférnych tepien.</t>
    </r>
  </si>
  <si>
    <t>Položka č. 1 - DES samo-expandovateľné stenty ( sirolimus )</t>
  </si>
  <si>
    <t>Časť č. 49 - Neuro A</t>
  </si>
  <si>
    <t>Sondovacie selektívne katétre</t>
  </si>
  <si>
    <t>Intrakraniálne mikrokatétre</t>
  </si>
  <si>
    <t>Odsávací systém katétre na proximálny uzáver</t>
  </si>
  <si>
    <t>Odsávací systém katétre na distálny uzáver</t>
  </si>
  <si>
    <t>Odsávací systém - aspiračná tuba</t>
  </si>
  <si>
    <t>Odsávací systém - kanister</t>
  </si>
  <si>
    <t>8/6 F dlhý neurovaskulárny sheath</t>
  </si>
  <si>
    <t>Položka č. 1 - Sondovacie selektívne katétre</t>
  </si>
  <si>
    <t xml:space="preserve">Katétre určené na sondáž mozgových tepien vo veľkosti 5 Fr v dĺžke 120 resp. 130 cm typu Ber a H 1 a SIM v dĺžke 120 cm. Požadujeme aj katéter pre intrakraniálny prístup. </t>
  </si>
  <si>
    <t>Položka č. 2 -  Intrakraniálne mikrokatétre</t>
  </si>
  <si>
    <t>Určený na neurointervečné zákroky ako podporný katéter aj pri použití stentretrieverov, požadujeme dĺžku 160 cm a proximálny a distálny vnútorný diameter o veľkosti 0.025´´.</t>
  </si>
  <si>
    <t>Položka č. 3 - Odsávací systém katétre na proximálny uzáver</t>
  </si>
  <si>
    <t xml:space="preserve">Katétre určené na intrakraniálne odsávanie uzáverov - trombov tepien, musí mať 0.072´´, vonkajší priemer sacieho otvoru musí mať 2.16 mm, optimálna dĺžka katétra musí byť minimálne 130 cm     </t>
  </si>
  <si>
    <t>Položka č. 4 - Odsávací systém katétre na distálny uzáver</t>
  </si>
  <si>
    <t xml:space="preserve">Katétre určené na intrakraniálne odsávanie distálnych uzáverov - trombov malých priemerov tepien, musí mať vonkajší diameter 1.65 mm, dlžku katétra minimálne 135 cm, optimálny aj pre tortuóznu anatómiu, ditálny vnútorný diameter  0.054´ </t>
  </si>
  <si>
    <t>Položka č. 5 - Odsávací systém - aspiračná tuba</t>
  </si>
  <si>
    <t xml:space="preserve">Požadujeme kompatibilné aspiračné tuby - na spojenie odsávacieho katétra a samotnej odsávacej pumpy </t>
  </si>
  <si>
    <t>Položka č. 6 - Odsávací systém - kanister</t>
  </si>
  <si>
    <t>Požadujeme kompatibilný kanister kompatibilný s odsávacou pumpou.</t>
  </si>
  <si>
    <t xml:space="preserve">Položka č. 7 - 8/6 F dlhý neurovaskulárny sheath </t>
  </si>
  <si>
    <t>Časť č. 50 - Neuro E</t>
  </si>
  <si>
    <t>Odpútateľný neurovaskulárny remodelačný stent</t>
  </si>
  <si>
    <t>Odpútavací kábel</t>
  </si>
  <si>
    <t>Revaskularizačný stent</t>
  </si>
  <si>
    <t>Intrakraniálny support katéter</t>
  </si>
  <si>
    <t>Balónikový vodiaci katéter</t>
  </si>
  <si>
    <t>Tekuté neadhezívne embolizačné činidlo</t>
  </si>
  <si>
    <t>Mikrokatétre na tekuté embolizačné činidlo</t>
  </si>
  <si>
    <t>Odpútateľné intrakraniálne coily</t>
  </si>
  <si>
    <t>Odpútavač intrakraniálnych coilov</t>
  </si>
  <si>
    <t>Mikrokatétre na implantáciu coilov a stentov ( stent-retrieverov ) - typ A</t>
  </si>
  <si>
    <t>Mikrokatétre na implantáciu coilov a stentov ( stent-retrieverov ) - typ B</t>
  </si>
  <si>
    <r>
      <t xml:space="preserve">Funkčná špecifikácia predmetu zákazky:  
</t>
    </r>
    <r>
      <rPr>
        <sz val="10"/>
        <color theme="1"/>
        <rFont val="Arial"/>
        <family val="2"/>
        <charset val="238"/>
      </rPr>
      <t xml:space="preserve">Požadujeme špeciálny zdravotnícky materiál na komplexné neurointervencie, vrátane odpútateľného a neodpútateľného stent-retrieveru, intrakraniálného lepidla, coilov a kompatibilných mikrokatétrov na ošetrenie prevažne akútnych neurointervencií.
</t>
    </r>
  </si>
  <si>
    <t>Položka č. 1 - Odpútateľný neurovaskulárny remodelačný stent</t>
  </si>
  <si>
    <t>Položka č. 2 - Odpútavací kábel</t>
  </si>
  <si>
    <t>Položka č. 3 - Revaskularizačný stent</t>
  </si>
  <si>
    <t>Požadované kompatibilné odpútavacie káble na uvoľnenie revaskularizačného / remodelovacieho stentu.</t>
  </si>
  <si>
    <t>Položka č. 4 - Intrakraniálny support katéter</t>
  </si>
  <si>
    <t>Požadovaný intrakraniálny support katéter v prevedení 5 F straight a 6 F straight a multi-purpose a dĺžkach minimálne medzi a vrátane 105 – 130 cm.</t>
  </si>
  <si>
    <t>Položka č. 5 - Balónikový vodiaci katéter</t>
  </si>
  <si>
    <t>Položka č. 6 - Tekuté neadhezívne embolizačné činidlo</t>
  </si>
  <si>
    <t>Položka č. 7 - Mikrokatétre na tekuté embolizačné činidlo</t>
  </si>
  <si>
    <t xml:space="preserve">Požadované mikrokatétre na tekuté embolizačné činidlo, vrátane mechanicky odpútateľných špičiek katétra minimálne v dĺžke špičiek 1,5 a 3 cm. </t>
  </si>
  <si>
    <t>Položka č. 8 - Odpútateľné intrakraniálne coily</t>
  </si>
  <si>
    <t>Položka č. 9 - Odpútavač intrakraniálnych coilov</t>
  </si>
  <si>
    <t xml:space="preserve">Požadovaný kompatibilný odpútavač intrakraniálnych coilov. </t>
  </si>
  <si>
    <t>Položka č. 10 - Mikrokatétre na implantáciu coilov a stentov ( stent-retrieverov ) - typ A</t>
  </si>
  <si>
    <t>Požadované mikrokatétre na implantáciu širokej škály intrakraniálnych coilov, v rôznych dĺžkach a priemeroch, minimálne v rozmeroch vnútorného priemeru 0.017´´, 0.021´´ a 0.027´´.</t>
  </si>
  <si>
    <t>Položka č. 11 - Mikrokatétre na implantáciu coilov a stentov ( stent-retrieverov ) - typ B</t>
  </si>
  <si>
    <t>Časť č. 51 - Neuro G</t>
  </si>
  <si>
    <t>Položka č. 1 - Stent-retriever</t>
  </si>
  <si>
    <t xml:space="preserve">Položka č. 2 - Intrakraniálny katéter na distálny prístup 5 F </t>
  </si>
  <si>
    <t xml:space="preserve">Položka č. 3 - Intrakraniálny katéter na distálny prístup 6 F </t>
  </si>
  <si>
    <t>Položka č. 4 -  Mikrokatéter</t>
  </si>
  <si>
    <t>Požadovaný intrakraniálny mikrokatéter s hydrofílnym poťahom, vnútorný priemer musí mať diameter rozmer od 0,017´´ do 0,027´´, musí mať využiteľnú celkovú dĺžku 150 až 167 cm, v rôznych zakriveniach, musí mať jednu resp. dve fluoroskopické značky na distálnom konci.</t>
  </si>
  <si>
    <t xml:space="preserve">Položka č. 5 - Intrakraniálne tekuté embolizačné činidlo </t>
  </si>
  <si>
    <t>Požadované tekuté embolizačné činidlo určené na intrakraniálne ako aj periférne použitie, musí byť dostupné vo viskozitách 25, 30 a 35%, činidlo sa nesmie pripravovať ( možnosť okamžitého použitia bez nutnosti miešania ), nesmie mať pridané kovy.</t>
  </si>
  <si>
    <t>Stent-retriever</t>
  </si>
  <si>
    <t xml:space="preserve">Intrakraniálny katéter na distálny prístup 5 F </t>
  </si>
  <si>
    <t xml:space="preserve">Intrakraniálny katéter na distálny prístup 6 F </t>
  </si>
  <si>
    <t>Mikrokatéter</t>
  </si>
  <si>
    <t xml:space="preserve">Intrakraniálne tekuté embolizačné činidlo </t>
  </si>
  <si>
    <t>Časť č. 52 - ŠZM prevažne na akútne neurointervencie, vrátane stentového systému s PTA balónikovým systémom</t>
  </si>
  <si>
    <t>Neurointervenčné vodiče</t>
  </si>
  <si>
    <t>Distálne mikrokatétre</t>
  </si>
  <si>
    <t>Balónkový guide katéter</t>
  </si>
  <si>
    <t>Nebalónkový guide katéter</t>
  </si>
  <si>
    <t xml:space="preserve">Intrakraniálny stentový systém </t>
  </si>
  <si>
    <t>Intrakraniálny PTA balónikový katéter</t>
  </si>
  <si>
    <r>
      <t xml:space="preserve">Funkčná špecifikácia predmetu zákazky:  
</t>
    </r>
    <r>
      <rPr>
        <sz val="10"/>
        <color theme="1"/>
        <rFont val="Arial"/>
        <family val="2"/>
        <charset val="238"/>
      </rPr>
      <t>Požadujeme ŠZM prevažne na akútne neurointervencie, so zameraním na neurointervenčné vodiče, kompatibilné mikrokatétre, balónkové aj nebalónkové vodiace katétre nevyhnutné pre mechanickú trombektomickú liečbu STROKE a stentového systému s PTA balónikovým systémom, ktorý je nevyhnutný pri ošetrení sklerotickej lézie v intrakrániu, pri návrate ischemickej cievnej príhody.</t>
    </r>
  </si>
  <si>
    <t>Položka č. 1 - Neurointervenčné vodiče</t>
  </si>
  <si>
    <t>Položka č. 2 - Distálne mikrokatétre</t>
  </si>
  <si>
    <t>Položka č. 3 - Balónkový guide katéter</t>
  </si>
  <si>
    <t>Balónkový zavádzací katéter potrebný k všetkým akútnym neurointervenčným liečbam ischemického STROKE – k mechanickej trombektomickej alebo aspiračnej liečbe. Katéter musí byť 8 a/alebo 9 F koncepcie a v dĺžkach medzi 80 a 95 cm s vnútorným priemerom katétrov v rozmedzí medzi a vráítane 0.078 – 0.085 in, distálny koniec s kompliantným balónikom musí byť RTG kontrastne označený, katéter musí byť distálne flexibilný a proximálne mať adekvátny support pri intervencii</t>
  </si>
  <si>
    <t>Položka č. 4 - Nebalónkový guide katéter</t>
  </si>
  <si>
    <t xml:space="preserve">Položka č. 5 - Intrakraniálny stentový systém </t>
  </si>
  <si>
    <t>Položka č. 6 - Intrakraniálny PTA balónikový katéter</t>
  </si>
  <si>
    <t>Časť č. 53 - Neuro P</t>
  </si>
  <si>
    <t>Položka č. 1 - Tromboembolický extraktor</t>
  </si>
  <si>
    <t>Nitinolový „stent like“ intrakraniálny samoexpandibilny extraktor tromboembolického materiálu</t>
  </si>
  <si>
    <t xml:space="preserve">Musí mať otvorený proximálny aj distálny koniec, zavádzací drôt je uchytený excentricky </t>
  </si>
  <si>
    <t>Proximálna časť stentu musí byť prepojená kvôli zvýšeniu radiálnej sily</t>
  </si>
  <si>
    <t xml:space="preserve">Požadujeme kompatibilitu s 0,021“ mikrokatétrom pre všetky veľkosti stentu 4-20, 5-40 aj 6-30 </t>
  </si>
  <si>
    <t xml:space="preserve">Určený je na minimálny priemer cievy 2 mm pre verziu 4-20 a 5-40 a 3 mm pre 6-30 (karotídy, M1, M2) </t>
  </si>
  <si>
    <t xml:space="preserve">Musí mať minimálne distálne 2 a proximálne 1 radiomarker </t>
  </si>
  <si>
    <t>Musí byť opakovane použiteľný ( podľa IFU celkovo až 3x )</t>
  </si>
  <si>
    <t xml:space="preserve">Vodiaci drôt musí byť z ocele </t>
  </si>
  <si>
    <t>Položka č. 2 - Tromboembolický extraktor špeciálne na M3 úseky</t>
  </si>
  <si>
    <t>Extraktor vo verzii kompatibilnej s 0,0165“ mikrokatétrom</t>
  </si>
  <si>
    <t>Verzia 4-20 a 3-20 určená na minimálny priemer od 1,5 mm (M3)</t>
  </si>
  <si>
    <t xml:space="preserve">Distálne radiokontrastné markery musia byť súčasťou tela stentu </t>
  </si>
  <si>
    <t>Položka č. 3 - Špeciálne neurointervenčné vodiče 0.014´´ koncepcie s CoCr špičkou</t>
  </si>
  <si>
    <t xml:space="preserve">0,014“ vodič s dĺžkou 205 cm, zavádzací drôt s CoCr s rovnou špičkou </t>
  </si>
  <si>
    <t xml:space="preserve">Prenos pohybu u vodiča s pomerom  cca 1:1 proximal: distal </t>
  </si>
  <si>
    <t>Overená 26% lepšia „kink resistencia“ oproti oceľovým drôtom</t>
  </si>
  <si>
    <t>Distálna časť vodiča - 36 cm má byť hydrofilná na lepšie prechody intrakrániom</t>
  </si>
  <si>
    <t>Radiokontrastná špička by mala byť minimálne 5 cm dlhá</t>
  </si>
  <si>
    <t>Položka č. 4 - Špeciálne neurointervenčné vodiče veľkosti 0.008´´, 0.010´´a 0.014´´</t>
  </si>
  <si>
    <t>Vodiče priemeru 0,014“ a 0.010´´ musia byť v dĺžke 200 a 300 cm („predĺženie“ za hydrofilným coatingom je potiahnuté PTFE).</t>
  </si>
  <si>
    <t>Vodič 0.008´´priemeru musí byť v dĺžke  minimálne 200 cm.</t>
  </si>
  <si>
    <t>Položka č. 5 - Špeciálne neurointervenčné vodiče - soft tip vodiče 0.014´´</t>
  </si>
  <si>
    <t>Požadujeme dedikovaný 0.014´´ neuro vodič s prenosom krútiaceho momentu 1:1 a polymerovým coatingom a v dĺžke 200 cm.</t>
  </si>
  <si>
    <t xml:space="preserve">S hydrofilným a polymérovým coatingom, ktorý zabezpečuje lepšiu priechodnosť – cez tortuozity, trombus, stenózu a zároveň lepšiu priechodnosť mikrokatétra. </t>
  </si>
  <si>
    <t>Musí  mať zahnutú flexibilnú špičku na 25° ( „memory“ efekt špičky“ )</t>
  </si>
  <si>
    <t xml:space="preserve">„Soft tip“ je označenie  verzie s flexibilnejšou špičkou.  </t>
  </si>
  <si>
    <t xml:space="preserve">Položka č. 6 - Špeciálne neurointervenčné vodiče - soft tip vodiče 0.018´´ </t>
  </si>
  <si>
    <t xml:space="preserve">Pre šetrnejší prechod mikrokatétrom tepnou bez poškodenia intimi. </t>
  </si>
  <si>
    <t>V dĺžke 200 cm v proximálnom priemere 0.014”, ktorý sa pred distálnym koncom zväčšuje na 0.016” a 0.018”.</t>
  </si>
  <si>
    <t>Musí mať hydrofilný a polymérový  coatingom, pre lepší prechod cez tortuozity, trombus a stenózu, rovnako aj pre prechod mikrokatétra, vodič má najväčšiu „support body“ a je určený pre väčšie mikrokatétre 0.021/0.027”.</t>
  </si>
  <si>
    <t>Musí mať zahnutú flexibilnú špičku na 25° (má väčší „memory“ efekt ).</t>
  </si>
  <si>
    <t>Tromboembolický extraktor</t>
  </si>
  <si>
    <t>Tromboembolický extraktor špeciálne na M3 úsek</t>
  </si>
  <si>
    <t>Špeciálne neurointervenčné vodiče 0.014´´ koncepcie s CoCr špičkou</t>
  </si>
  <si>
    <t>Špeciálne neurointervenčné vodiče veľkosti 0.008´´, 0.010´´a 0.014´´</t>
  </si>
  <si>
    <t>Špeciálne neurointervenčné vodiče - soft tip vodiče 0.014´´</t>
  </si>
  <si>
    <t xml:space="preserve">Špeciálne neurointervenčné vodiče - soft tip vodiče 0.018´´ </t>
  </si>
  <si>
    <t>Časť č. 54 - Dvoj-stent karotídy</t>
  </si>
  <si>
    <t>Časť č. 55 - Nepovlečené stenty ( BMS ) pre perkutánne rádiologické intervencie - karotické ( closed cell dizajn )</t>
  </si>
  <si>
    <t>Karotické stenty (closed cell dizajn)</t>
  </si>
  <si>
    <t>Položka č. 1 - Karotické stenty (closed cell dizajn)</t>
  </si>
  <si>
    <t>Časť č. 56 - Ochrana pred embolizáciou pri perkutánnych rádiologických intervenciách - emboloprotekcia (EPD - embolic protection device) - periférna</t>
  </si>
  <si>
    <r>
      <t xml:space="preserve">Funkčná špecifikácia predmetu zákazky:  
</t>
    </r>
    <r>
      <rPr>
        <sz val="10"/>
        <color theme="1"/>
        <rFont val="Arial"/>
        <family val="2"/>
        <charset val="238"/>
      </rPr>
      <t>Požadujeme ŠZM - Distálnu emboloprotekciu, určenú na karotické ako aj periférne intervencie.</t>
    </r>
  </si>
  <si>
    <t xml:space="preserve">Položka č. 1 - Závislý filter na vodiči </t>
  </si>
  <si>
    <t xml:space="preserve">Závislý filter na vodiči </t>
  </si>
  <si>
    <t>Časť č. 57 - Ochrana pred embolizáciou pri perkutánnych rádiologických intervenciách - emboloprotekcia (EPD - embolic protection device) - karotická    (skupiny č. 1)</t>
  </si>
  <si>
    <t xml:space="preserve">Nezávislý pohyblivý emboloprotekčný filter </t>
  </si>
  <si>
    <t>Časť č. 57 - Ochrana pred embolizáciou pri perkutánnych rádiologických intervenciách - emboloprotekcia (EPD - embolic protection device) - karotická   (skupiny č. 1)</t>
  </si>
  <si>
    <r>
      <t xml:space="preserve">Funkčná špecifikácia predmetu zákazky:  
</t>
    </r>
    <r>
      <rPr>
        <sz val="10"/>
        <color theme="1"/>
        <rFont val="Arial"/>
        <family val="2"/>
        <charset val="238"/>
      </rPr>
      <t>Požadujeme ŠZM - Distálnu emboloprotekciu, určenú na karotické  intervencie.</t>
    </r>
  </si>
  <si>
    <t xml:space="preserve">Položka č. 1 - Nezávislý pohyblivý emboloprotekčný filter </t>
  </si>
  <si>
    <t xml:space="preserve">Musí byť určený na veľkosť ciev medzi a vrátane 2,5 - 7 mm priemeru. </t>
  </si>
  <si>
    <t>Nezávislý pohyblivý emboloprotekčný filter  s hydrofilným pokrytím, vodiacim drôtom 0,014´´ s extra flexibilitou a otáčavosťou na prechod zložitou anatómiou.</t>
  </si>
  <si>
    <t>Časť č. 58 - Ochrana pred embolizáciou pri perkutánnych rádiologických intervenciách - emboloprotekcia (EPD - embolic protection device) - periférna        (skupiny č. 2)</t>
  </si>
  <si>
    <r>
      <t xml:space="preserve">Funkčná špecifikácia predmetu zákazky:  
</t>
    </r>
    <r>
      <rPr>
        <sz val="10"/>
        <color theme="1"/>
        <rFont val="Arial"/>
        <family val="2"/>
        <charset val="238"/>
      </rPr>
      <t xml:space="preserve">Požadujeme ŠZM - proximálnu emboloprotekciu určenú na karotické intervencie
</t>
    </r>
  </si>
  <si>
    <t>Pretekcia musí byť v kompatibilnom prevedení s 8 a/alebo 9 F zavádzačom.</t>
  </si>
  <si>
    <t xml:space="preserve">Cerebrálna dvojbalóniková emboloprotekcia s konceptom kompletnej proximálnej blokády toku a možnosťou efektívnej aspirácie všetkých veľkostí "debris" z ošetrovanej lézie. </t>
  </si>
  <si>
    <t>Proximálna balóniková emboloprotekcia</t>
  </si>
  <si>
    <t xml:space="preserve">Časť č. 59 - Katéter elektrofyziologický dekapolárny a viacpolárny        </t>
  </si>
  <si>
    <t>Zavádzač s flexibilným koncom</t>
  </si>
  <si>
    <t xml:space="preserve">Časť č. 59 - Katéter elektrofyziologický dekapolárny a viacpolárny </t>
  </si>
  <si>
    <r>
      <t xml:space="preserve">Funkčná špecifikácia predmetu zákazky:  
</t>
    </r>
    <r>
      <rPr>
        <sz val="10"/>
        <color theme="1"/>
        <rFont val="Arial"/>
        <family val="2"/>
        <charset val="238"/>
      </rPr>
      <t>ŠZM - špeciálny zavádzač s flexibílnym ukončením, umožňujúcim sondáž všetkých tepien odstupujúcich z aorty.</t>
    </r>
  </si>
  <si>
    <t>Položka č. 1 - Zavádzač s flexibilným koncom</t>
  </si>
  <si>
    <t xml:space="preserve">Na sondáž rôznych anatomických pomerov prakticky všetkých odstupových tepien vrátane karotických tepien, </t>
  </si>
  <si>
    <t>Položka č. 1 - Proximálna balóniková emboloprotekcia</t>
  </si>
  <si>
    <t>Časť č. 60 - Vodiče a mikrovodiče pre angiografie a perkutánne rádiologické intervencie špeciálne</t>
  </si>
  <si>
    <r>
      <t xml:space="preserve">Funkčná špecifikácia predmetu zákazky:  
</t>
    </r>
    <r>
      <rPr>
        <sz val="10"/>
        <color theme="1"/>
        <rFont val="Arial"/>
        <family val="2"/>
        <charset val="238"/>
      </rPr>
      <t xml:space="preserve">Požadujeme ŠZM - špeciálne vodiče určené na karotické aj periférne intervencie.
</t>
    </r>
  </si>
  <si>
    <t>Položka č. 1 - Vodič 0,014´´</t>
  </si>
  <si>
    <t xml:space="preserve">hladkým atraumatickým tvarovateľným hrotom </t>
  </si>
  <si>
    <t>microglide pokrytím pre nízke trenie</t>
  </si>
  <si>
    <t>rozsiahlym PTFE pokrytím</t>
  </si>
  <si>
    <t>Položka č. 2 - Vodič 0,035´´</t>
  </si>
  <si>
    <t>mimoriadna schopnosť vedenia,</t>
  </si>
  <si>
    <t>Amplatz podpora</t>
  </si>
  <si>
    <t>Vodič 0,014´´</t>
  </si>
  <si>
    <t>Vodič 0,035´´</t>
  </si>
  <si>
    <t>Časť č. 61 - ŠZM na 4F kompatibilnú intervenciu periférnych tepien</t>
  </si>
  <si>
    <t>Samoexpandovateľné stenty</t>
  </si>
  <si>
    <t>Support katétre</t>
  </si>
  <si>
    <t>Vodiče na intervenciu 4 F konceptu 0.018 ´</t>
  </si>
  <si>
    <t xml:space="preserve">Zavádzač na koncept 4 F – crossover intervenciu </t>
  </si>
  <si>
    <t>PTA balónikové katétre 4F konceptu</t>
  </si>
  <si>
    <t>DCB PTA balónikové katétre 4 F konceptu</t>
  </si>
  <si>
    <t>Položka č. 1 - Samoexpandovateľné stenty</t>
  </si>
  <si>
    <r>
      <t xml:space="preserve">Funkčná špecifikácia predmetu zákazky:  
</t>
    </r>
    <r>
      <rPr>
        <sz val="10"/>
        <color theme="1"/>
        <rFont val="Arial"/>
        <family val="2"/>
        <charset val="238"/>
      </rPr>
      <t>Požadovaný ŠZM na endovaskulárne ošetrenie periférných tepien nízkoprofilovým 4 F systémom, požadované sú vodiče, podporný katéter, zavádzač vhodný aj na cross-over intervencie, PTA a DCB PTA katétre a samoexpandovateľné stenty.</t>
    </r>
  </si>
  <si>
    <t>Položka č. 2 - Support katétre</t>
  </si>
  <si>
    <t>Položka č. 3 - Vodiče na intervenciu 4 F konceptu 0.018 ´</t>
  </si>
  <si>
    <t xml:space="preserve">Položka č. 4 - Zavádzač na koncept 4 F – crossover intervenciu </t>
  </si>
  <si>
    <t xml:space="preserve">Položka č. 5 - PTA balónikové katétre 4F konceptu </t>
  </si>
  <si>
    <t>Položka č. 6 - DCB PTA balónikové katétre 4 F konceptu</t>
  </si>
  <si>
    <t>4 F kompatibilné balónikové katétre na 0.018´´ vodič s liekovým povlečením 
( paclitaxel ) v rozmedzí priemeru 2, 3 a 4 mm a v rozmedzí dĺžky minimálne 40, 80 a 120 mm. Požadujeme rovnaké balóny aj s veľkosťou v rozmedzí priemeru 5 -7mm, v dĺžkach 40, 80 a 120 mm kompatibilné s 5 F zavádzačom.</t>
  </si>
  <si>
    <t>33111710-1   Angiografický spotrebný materiál</t>
  </si>
  <si>
    <t>Spotrebný zdravotnícky materiál a špeciálny zdravotnícky materiál pre intervenčnú angiológiu</t>
  </si>
  <si>
    <t>Uvedené pre každú časť samostatne</t>
  </si>
  <si>
    <t>Požadovaný počet MJ za zmluvné obdobie 
48 mesiacov</t>
  </si>
  <si>
    <t xml:space="preserve">0.014‘‘vodič </t>
  </si>
  <si>
    <t>0.035‘‘vodič</t>
  </si>
  <si>
    <t xml:space="preserve">Kompatibilný 0.014´´ vodič </t>
  </si>
  <si>
    <t>PTA katétre na 0.018´´ vodič (Rx)</t>
  </si>
  <si>
    <t>angiografická rúška na pacienta, 225 x 340 cm, s transparentným okrajom 
- 1 x</t>
  </si>
  <si>
    <t>Požadovaný diagnostický guidewire v zakončení rovný a/alebo J, nevyhnutný 
v dĺžke minimálne 240 cm a 0.035´´ rozmere, dopĺňujúce môžu byť aj iné rozmery</t>
  </si>
  <si>
    <t>Dodané portfólio môže obsahovať aj široký rozsah katétrov – napr.:  Multipurpose ( vrátane subintimálneho katétra), Renal Double Curve katétra, Cobra ( C1, C2, C3 ), Sheperd Hook I a II, Celiac Trunk, J Corve I, II, III, Sidewinder Simmons katéter ( SIM 1, 2, 3, 4 ), Headhunter I a III,  Newton III 
a IV, Mani katéter, Bentson-Hanafee-Wilson I, II, a III.</t>
  </si>
  <si>
    <t>Požadovaná široká škála diagnostických katétrov pre selektívnu angiografiu 
s dĺžkami katétrov podľa vybraných typov medzi 65 - 125 cm, v základných tvaroch katétrov minimálne vo vyhotovení: Vertebral katéter, Berenstein katéter, Simmons katéter a Cobra katéter.</t>
  </si>
  <si>
    <t>Požadovaný hydrofílny angiografický katéter určený pre angiografické procedúry v perifénych a neurálnych tepnách. Musí mať distálny hydrofílny coating v prevedení 4 resp. 5 F, kompatibilné s 0.035‘‘resp. 0.038‘‘vodičom, 
v prevedení straight a vertebral, minimálne v dĺžke 100 cm</t>
  </si>
  <si>
    <t>Samostatná hemostatická chlopňa kompatibilná so zavádzačmi minimálne 
do veľkosti 7 F, zabráňujúca krvácaniu a nasatiu vzduchu do zavádzača</t>
  </si>
  <si>
    <t>Vyžadujeme 0.035‘‘vodič, ideálne a ľahko ovládateľný a riaditeľný vodič, pre všetky intervenčné procedúry, umožňujúci prístup aj do ktorejkoľvek ťažko prístupnej tepny, excelentne vizualizovaný, jadro vodiča má byť oceľové so silikónovým coatingom, požadujeme s rovným aj ohnutým koncom vodiča, 
v dĺžke 180 a 300 cm, s pribaleným torquerom.</t>
  </si>
  <si>
    <t>Určené primárne na rekanalizáciu - prechody stenózami a uzávermi tepien predkolenia vrátane nohy vrátane plantárnej loop techniky, trombotických, fibrotických, fibrokalcifikačných a vysokokalcifikovaných lézií v dĺžkach vybraných vodičov 180 resp. 200 cm a 300 cm, zaťaženie špičky vodičov 
od 1.0 gf do 40.0 gf</t>
  </si>
  <si>
    <t>Určené primárne na rekanalizáciu - prechody stenózami a uzávermi tepien nad kolenom, vrátane, trombotických, fibrotických, fibrokalcifikačných a vysokokalcifikovaných lézií v dĺžkach vybraných vodičov 200, 235 a 300 cm 
so zaťažením špičky podľa druhu vodiča od 4.0 gf do 30.0 gf.</t>
  </si>
  <si>
    <t>0.014‘‘vodiče na použitie v periférnom tepnovom systéme na femoro-popliteálnu a krurálnu oblasť, s možnosťou použitia aj hybridného vodiča 
v prevedení nitinolol/oceľ a vodičov na CTO s primárnym určením na intraluminálne rekanalizácie. Požadované sú 3 typy špičiek s variáciou priemerov a vzostupnou tuhosťou špičky pre prechod oklúziami,. Zároveň 
je požadovaný aj koronárny/periférny vodič v dĺžke 300 cm v rovnom a J zakončení s 3 cm radiopacitným koncom, hydrofílny a v rôznych hmotnostiach ( tuhostiach ).</t>
  </si>
  <si>
    <t>Manometrické PTA striekačky, na použitie k liečbe PTA štandardným alebo DCB balónom a implantáciu balón-expandovateľných stentov, s objemom striekačky v rozmedzí minimálne 25 – 35 ml a tlakom insuflácie minimálne 
do 25 atm.</t>
  </si>
  <si>
    <t xml:space="preserve">Vyžadujú sa PTA balónkové katétre kompatibilné s  0.014´´ v rozsahu priemeru minimálne a  vrátane 1.5 - 4 mm a dĺžky PTA katétrov od priemeru 
2 mm v rozsahu minimálne a vrátane 40 -  120 mm (konkrétne 40, 80, 120 
a vybraných priemerov katétrov aj do 150 mm). </t>
  </si>
  <si>
    <t xml:space="preserve">Požadované sú  PTA katétre kompatibilné s 0.018´´ vodičom, v priemere balóna v minimálne v rozsahu a vrátane 2 - 7 mm a dĺžky minimálne v rozsahu a vrátane 20 - 120 mm a vo vybraných priemeroch aj 150 mm, optimálne 
v priemere balónov v rozsahu 4 - 7 mm aj v dĺžkach 150, 200 a 250 mm 
a v dĺžke až 300 mm pri priemere balónov 4 - 6 mm, vybrané katétre požadované aj v dĺžke shaftu 180 cm. </t>
  </si>
  <si>
    <t xml:space="preserve">Požadované sú  PTA katétre kompatibilné s 0.035´´ vodičom, v priemere balónov v rozsahu minimálne a vrátane 3 - 12 mm a dĺžok minimálne 
v rozsahu a vrátane 20 - 120 mm pri 3 mm priemere a pri priemere balónov 
4 - 6 mm v dĺžke v rozsahu 20 - 300 mm a pri priemere 7 - 12 mm minimálne 
v dĺžke 20 a 40 mm. </t>
  </si>
  <si>
    <t xml:space="preserve">Požadujeme špeciálne nízkoprofilové DCB balóny určené na periférne tepny 
s indikáciou minimálne do femoro-popliteálnej oblasti a zároveň aj na tepny predkolenia resp. až planty. Vybrané balóny sa môžu použiť aj na ošetrenie dialyzačných AV fistúl.  Požadované balóny na ošetrenie femoro-popliteálnej oblasti musia byť kompatibilné s 4 F zavádzačom, 0.018´´ koncepcie, musia byť nízkoprofilové. Môžu byť semi-compliantné, musia byť OTW koncepcie 
a obsahovať paclitaxel. Priemer balónov musí byť minimálne medzi a vrátane 
4 - 6 mm a dĺžkach vybraných balónov medzi a vrátane 40 – 200 mm. </t>
  </si>
  <si>
    <t>Požadujeme špeciálne DCB balóny určené na periférne tepny, k liečbe 
de novo alebo restenóz lézií,  kompatibilné podľa priemeru balóna so 5-7 F zavádzačom, musia byť OTW koncepcie a diametrom balóna v rozmedzí minimálne a vrátane medzi 2 - 7 mm a s dĺžkami vybraných balónov medzi 
a vrátane 40 - 150 mm, kompatibilné s 0.018´´ vodičom.</t>
  </si>
  <si>
    <t>Požadujeme Špeciálny scóringový balón, 5 alebo 6F kompatibilný, na 0.014 a/alebo 0.018´´ vodič. Balón musí byť semi-compliantný a vysokotlakový, 
s minimálnym rizikom disekcií. Požadujeme balóny s priemermi v rozmedzí medzi a vrátane 2 - 8 mm a dĺžkami vybraných druhov minimálne medzi 
a vrátane 20 - 100 mm</t>
  </si>
  <si>
    <t>Požadujeme špeciálne dilatačné balóny s nitinolovým výpletom, 
na kontrolovanú dilatáciu v povodí ilických ale aj kompletných infrainguinálnych tepien, vrátane tepien pod kolenom ako aj na liečbu stenóz renálnych tepien. Balóny musia byť kompatibilné s 5 resp. 6F zavádzačom 
a 0.014´´ a/alebo 0.018´´ vodičom – podľa rozmerov balónov. Požadujeme priemery balónov medzi a vrátane 2.5 – 6.0 mm a v dĺžkach medzi a vrátane 40 – 120mm.</t>
  </si>
  <si>
    <t xml:space="preserve">Samo-expandovateľné aortálne nitinolové stenty, kompatibilné 
so zavádzačom do 10 F, closed cell koncepcioiu, dobrou radiálnoiu silou, 
s možnosťou použitia pri stenózach ale aj disekciách aorty a riešení endoleaku 1a/1b, na implantáciu do vena cava, vrátane pri obštrukciách, 
v rozmeroch priemeru medzi a vrátane 16 – 36 mm a v dĺžke vybraných priemerov stentov v rozsahu minimálne 40 – 100 mm, kompatibilné 
na 0.035‘‘vodič. </t>
  </si>
  <si>
    <t>Arteriálny a venózny PTA katéter na veľké priemery ciev, kompatibilný 
s 0.035‘‘vodičom, balón s možnosťou PTA ciev v rozmedzí priemeru medzi 
a vrátane 12 – 28 mm a v dĺžke v rozsahu 20 – 40 mm, kompatibilné 
so zavádzačmi do veľkosti 12 F.</t>
  </si>
  <si>
    <t xml:space="preserve">Požadujeme 4 F nízkoprofilový flexibílny nitinolový samo-expandovateľný stent, V „open“ alebo „closed cell“ dizajne, indikovaný do infra-inguinálnej oblasti. 
                                                                                                                          Musí byť OTW koncepcie, kompatibilný na 0.018´´ vodič a s rozmermi - priemeru stentu v rozmedzí minimálne a vrátane medzi 4 - 7 mm a dĺžky 
v rozmedzí minimálne a vrátane medzi 40 - 100 mm. </t>
  </si>
  <si>
    <t>5 F samo-expandovateľný nitinolový stent kompatibilný s 0.035“ vodičom, 
s dĺžkou shaftu minimálne 120 cm a veľkosťou priemeru v rozsahu minimálne a vrátane 6 - 10 mm a dĺžkou stentu minimálne v rozsahu a vrátane 
20 - 80 mm, v open cell alebo closed cell designe.</t>
  </si>
  <si>
    <t>Požadujeme 6 F kompatibilné samo-expandovateľné nitinolové stenty, 
na 0.035´´ vodič, OTW konštrukcie. Stenty požadujeme v priemeroch minimálne a vrátane 9 – 12 mm a v dĺžke minimálne a vrátane  20 – 80 mm, optimálne na ilické tepny.</t>
  </si>
  <si>
    <t>Požadujeme 6 F kompatibilné samo-expandovateľné nitinolové stenty, 
na 0.035´´ vodič, OTW konštrukcie. Stenty požadujeme v priemeroch minimálne a vrátane 6 – 8 mm a v dĺžkach minimálne a vrátane medzi 
20 – 150 mm, optimálne na femorálnu oblasť.</t>
  </si>
  <si>
    <t xml:space="preserve">Balón-expandovateľné Co-Cr stenty kompatibilné s 0.035´´ vodičom a 6F zavádzačom, OTW koncepcie, vo veľkostiach priemeru stentu minimálne 
v rozmedzí a vrátane 6 - 10 mm a dĺžky minimálne v rozmedzí 19 - 37 mm 
a vybraných priemerov stentov v rozmedzí dĺžky minimálne 19-57 mm, indikované na ošetrenie suprainguinálne -  iliakálne arteriálne riečisko.
</t>
  </si>
  <si>
    <t xml:space="preserve">Balón-expandovateľný periférny ( BMS ) stent, kompatibilný na 0.014‘‘ – 0.018‘‘vodič, stent RX koncepcie, určený na periférne tepnové intervencie, požadované priemery stentov medzi a vrátane 5 – 7 mm a v dĺžkach medzi 
a vrátane 12 – 18 mm, kompatibilné s 5 resp. 6 F zavádzačom
</t>
  </si>
  <si>
    <t xml:space="preserve">Požadovaný špeciálny super-flexibilný a kink rezistentný stent s dokázanou 0% frakturáciou stentu, indikovaný na femoro-popliteálnu ako aj s možnoťou implantácie do popliteálnej oblasti, stent ktorý kopíruje prirodzenú anatómiu implantovanej tepny, resp. optimálne by mal vytvárať špirálovitý tok, musí byť indikovaný na ošetrenie tepien v rozmere minimálne priemeru tepny medzi 
4 - 6 mm a do dĺžky lézie 140 mm, stent v rozvinutí musí dosahovať priemeru medzi 4,5 - 6,5 mm resp. pri špirálovitom toku medzi 5 – 7 mm a dĺžkou vybraných stentov medzi a vrátane minimálne 60 -150 mm, musí byť kompatibilný so 6F zavádzačom a 0.035´´ alebo 0.018´´ vodičom. </t>
  </si>
  <si>
    <t>Renálne balón expandovateľné stenty – nitinolové alebo CoCr konštrukcie, nízkoprofilové s vysokou radiálnou silou a flexibilitou, kompatibilita 5F zavádzač resp. 6F katéter, RX alebo OTW koncepcia katétra, kompatibilný 
s 0.014´´ vodičom v rôznych rozmeroch, optimálny nárast priemeru stentu 
o 0.5 mm, vo veľkostiach priemeru stentu v rozmedzí minimálne 4.5-7 mm 
a dĺžkach stentov v rozmedzí minimálne 15-18 mm.</t>
  </si>
  <si>
    <t>Požadované samo-expandovateľné venózne stenty na liečbu lézie 
vo venóznom systéme – na post-trombotické ako aj non-trombotické lézie 
v iliako-femorálnej oblasti. Stenty musia mať veľkú radiálnu silu, musia odolávať veľkej kompresii, zároveň byť flexibilné, musia redukovať event. migráciu stentu.  Stenty musia byť do 10 F veľkosti, v priemeroch minimálne a vrátane medzi 10 – 20 mm a v dĺžkach medzi a vrátane 40 – 160 mm, 
v open alebo closed cell koncepcii.</t>
  </si>
  <si>
    <t>Liekom (paclitaxel) poťahované nitinolové samo-expandovateľné stenty určené na liečbu tepien femoropopliteálnej oblasti, kompatibilné s 0.035´´vodičom 
a 6F zavádzačom, minimálne v rozmedzí a vrátane priemeru stentu 6 - 7 mm a dĺžky v rozsahu minimálne  a vrátane 40 - 120 mm (konkrétne minimálne 
v rozmeroch 40, 60, 80, 100 a 120 mm dĺžky stentu)</t>
  </si>
  <si>
    <t xml:space="preserve">Liekom poťahované stenty  ( derivát sirolimu / amphilimus ), implantované do infrapopliteálnej lokalizácie tepien (BTK) v rozmeroch priemeru minimálne 
2,5 - 4,5 mm vrátane a dĺžky minimálne v rozmedzí 16 - 31 mm, kompatibilné, na 0.014´´ vodiče, RX alebo OTW koncepcie.
Polymer-free amphilimus dokázateľne redukuje zápalovú aktivitu cievnej steny a trombotizáciu stentov. 
</t>
  </si>
  <si>
    <t>Požadujeme samo-expandovateľné cievne stentgrafty kompatibilné s 0,035´´ vodičmi, OTW koncepcie, s ePTFE materiálu, optimálne s impregnáciou carbónom ( nie je podmienkou ) určené primárne na liečbu restenóz periférnych a centrálnych lézií v stentoch a u pacientov s AV štepmi resp. 
AV fistulami. Požadované sú rozmery priemeru stentgraftu minimálne medzi 
a vrátane 6 - 13,5 mm a v dĺžkach minimálne medzi a vrátane 40  - 120 mm</t>
  </si>
  <si>
    <t xml:space="preserve">Požadujeme samo-expandovateľné cievne stentgrafty kompatibilné s 0.035´´ vodičmi, OTW koncepcie s ePTFE materiálu, optimálne s impregnáciou carbónom ( nie je podmienkou ) určené primárne na liečbu stenóz venózneho outflowu na horných končatinách pri AV fistulách alebo graftoch, ako aj 
na aterosklerotické lézie tepien v iliako-femorálnej oblasti s určením na tepny priemeru medzi a vrátane 4.5 – 9 mm, požadujeme priemery graftov minimálne medzi a vrátane 6 – 10 mm a v dĺžkach minimálne medzi a vrátane 40 – 80 mm. </t>
  </si>
  <si>
    <t>Požadujeme balón-expandovateľné nízko-zavádzač profilové covered stenty – cievne periférne stentgrafty. Musia byť kompatibilné s 0,035´´ vodičmi, musia byť z ePTFE materiálu, OTW koncepcie  a v rozmeroch priemeru minimálne medzi a vrátane 5 - 10 mm a dĺžkach vybraných priemerov, minimálne medzi 18 -57 mm a kompatibilitou zavádzačov medzi 6F-8F s možnosťou liečby aj stenóz resp. restenóz renálnych tepien.</t>
  </si>
  <si>
    <t xml:space="preserve">Požadujeme aspiračný katéter na odsávanie akútnych a subakútnych tromboembolických resp. aterotrombotických uzáverov tepien vrátane aspirácie periprocedurálnych komplikácií endovaskulárnych výkonov 
na tepnách. Požadujeme kompatibilitu s 0.035´´ vodičom a veľkosti minimálne medzi a vrátane 5-7 F. </t>
  </si>
  <si>
    <t>príslušenstvo viazača stehov a slučka viazača stehov musí byť súčasťou zariadenia a je uspôsobené na umiestnenie utiahnutého sutúrového stehu 
pri arteriotómii,</t>
  </si>
  <si>
    <t>s možnosťou kompletnej repozície polohy okludera ešte pred uvolnením 
z fixovaného vodiča,</t>
  </si>
  <si>
    <t xml:space="preserve">Vyžadujú sa tekuté embolizačné materiály na podklade co-polymérov, 
na cielené použitie a kompletnú oklúziu resp. kontrolovnú embolizačnú liečbu na periférnom cievnom systéme, vrátane liečby endoleakov, liečby A-V malformácií, krvácaní ale aj tumorov a pod. , požadujeme v dvoch koncentráciach ethylén vinyl alkoholu. </t>
  </si>
  <si>
    <t>Nefixované ( pushable ) coily – sú coily vypúšťané vytlačením, pozostávajú 
zo samotnej špirály vloženej do zavádzača špirály a zatlačacieho drôtu. Vyrobené musia byť z platinového drôtu a vonkajšieho obalu z hydrogélu. Musia byť použiteľné v širokom rozsahu priemerov a dĺžok. Umiestňované 
na určené miesto musia byť za pomoci mikrokatétrov.</t>
  </si>
  <si>
    <t>musia byť dodávané v rozmeroch priemeru minimálne a vrátane 4 – 16 mm 
a dĺžkach medzi a vrátane 4 – 20 cm</t>
  </si>
  <si>
    <t>musia byť dodávané v rozmeroch priemeru minimálne a vrátane 2 – 10 mm 
a dĺžkach medzi a vrátane 2 – 20 cm</t>
  </si>
  <si>
    <t>Odpojiteľné ( detacheble ) coily – musia byť coily kde samotná špirála je pripojená k aplikačnému systému. Zavádzacie zatláčadlo musí poháňať regulátor odpojenia na selektívne odpájanie špirál. Vyrobené musia byť 
z platinového drôtu a vonkajšieho obalu z hydrogélu. Musia byť použiteľné
v širokom rozsahu priemerov a dĺžok. Umiestňované na určené miesto musia byť za pomoci mikrokatétrov</t>
  </si>
  <si>
    <t>musia byť dodávané v rozmeroch priemeru minimálne a vrátane 3 – 20 mm 
a dĺžkach medzi a vrátane 5 – 30 cm</t>
  </si>
  <si>
    <t>musia byť dodávané v rozmeroch priemeru minimálne a vrátane 2 – 20 mm 
a dĺžkach medzi a vrátane 2 – 30 cm</t>
  </si>
  <si>
    <t>musia byť dodávané minimálne v priemeroch medzi a vrátane 4 – 20 mm 
a dĺžke medzi a vrátane 7 – 39 cm</t>
  </si>
  <si>
    <t>musia byť dodávané minimálne v priemeroch medzi a vrátane 2 – 20 mm 
a v dĺžkach medzi a vrátane 2 – 40 cm</t>
  </si>
  <si>
    <t>Mikročastice musia byť v tvare mikroguľôčok a sú vyrobené s použitím polyetylénglykolu. Musia byť tvarované, stlačiteľné, kalibrované, sférické 
a biokompatibilné</t>
  </si>
  <si>
    <t>Musia byť určené na riadenú cielenú embolizáciu. Musia byť určené 
na uzávery ciev, vrátane periférnych arteriovenóznych malformácií, tumorov svalov, krku, trupu, na zastavenie traumatického krvácania a predoperačné využitie na zmiernenie krvácania. Mali by byť vhodné aj na uzávery ciev hypervaskularizovaných tumorov</t>
  </si>
  <si>
    <t>Dodávané musia byť v 20 ml injekčnej striekačke, ktorá musí obsahovať minimálne 2 ml materiálu mikročastíc v nepyrogénnom, sterilnom fyziologickom roztoku.</t>
  </si>
  <si>
    <t>Požadujeme kaválne filtre s možnosťou implantácie cez jugulárny, brachiálny a femorálny prístup, požadujeme filtre bez háčika a s háčikom, ktoré sa môžu extrahovať za pomoci lasa. Filtre musia byť z nehrdzavejúcej ocele, MRI kompatibilné, netrombogénne, s celkovo dĺžkou (minimálne s výškou medzi 50-60 mm ). Filtre nesmú mať žiadne spoje a musia byť do 1 gramu. Filter 
sa môže implantovať do rozmeru VCI 32mm, musí mať minimálne 8 ramienok, z toho minimálne 5 ramienok s háčikmi a 3 bez háčikov, súčasťou musí byť 7 F zavádzač</t>
  </si>
  <si>
    <t>Aterektomické tepnové katétrové systémy - aterektomické katétre určené 
na kontrolovanú direktnú excíziu a odstráňovanie chronických aj vysoko kalcifikovaných excentrických ako aj koncentrických plátov z tepien – debulking liečbu. Katétre sú poháňané motorčekom, optimálne v rozsahu 
10 - 14 tisíc otáčkami /minútu. Potrebná je dostupnosť širokej škály aterektomických katétrov určených do ciev s priemerom od 2 do 7 mm 
a 6 a 7 F kompatibilitou zavádzača.</t>
  </si>
  <si>
    <t>Kompatibilná pohonná jednotka, s ktorou sa spája aterektomický katéter 
z položky č. 1, vnútorne napájaná pomôcka poháňaná batériou alebo napájaním zo zdroja, zkonštruovaná na pohon smerovacieho aterektomického katétra. Uvedenú pohonnú jednotku je možné použiť iba s príslušným kompatibilným aterektomickým katétrom.</t>
  </si>
  <si>
    <t>Položka č. 1 - Aterektomicko-trombektomické katétre kompatibilné so zdrojovou jednotkou – konzolou aterektomického systému s aktívnou aspiráciou</t>
  </si>
  <si>
    <t>Požadované sú špeciálne aterektomické katétre s aspiračnou funkciou 
( kombinácia aterektómie s trombektómiou ) na liečbu rôznych priemerov tepien – minimálne v rozmedzí priemerov 2.5 – 4.5 mm a rozsahu priemeru rezného hrotu katétra medzi 1.6 – 2.4 mm,  v dĺžke katétrov medzi 120 – 150 cm, kompatibilné so 7 F zavádzačom a 0.014´´ vodičom. Katétre sú určené 
na ošetrenie kombinovaných lézií tepien na horných a dolných končatinách 
a musia byť kompatibilné so zdrojovou jednotkou -  konzolou 
k aterektomickému systému</t>
  </si>
  <si>
    <t>Mechanický trombektomický katéter kompatibilný s riadiacou jednotkou Straub Medical Drive System na čerstvé a organizované tromby 
(do 6 mesiacov), schopný oddelenia, sania, fragmentácie a transportu uzáverových hmôt z postihnutej oblasti, vyžaduje sa minimálne v dvoch priemeroch katétrov a to  6 a 8 F,  na priemer tepny 3-8 mm na antegrádny alebo cross-over prístup, vo veľkostiach 6 F a dĺžke 110 cm a 135 cm a 8 F
 v dĺžke 85 cm a 110 cm, katétre musia mať kontinuálne mechanické sanie, OTW technológiu na 0.018´´vodič s funkciou, použitie katétrov na tepnový systém.</t>
  </si>
  <si>
    <r>
      <t xml:space="preserve">Funkčná špecifikácia predmetu zákazky:  
</t>
    </r>
    <r>
      <rPr>
        <sz val="10"/>
        <color theme="1"/>
        <rFont val="Arial"/>
        <family val="2"/>
        <charset val="238"/>
      </rPr>
      <t xml:space="preserve">Požadujeme ŠZM kompatibilný k riadiacej jednotke Straub Medical Drive Systém,  2 typy aspiračno - trombektomických katétrov s určením na tepnový aj žilový systém a dočasný periprocedurálny kaválny filter. Katétre sa používajú na odstránenie akútnych, subakútnych, ale aj chronických aterotrombotických alebo embolotrombotických uzáverov cievneho systému 
s extrakciou uzáverového materiálu z tela pacienta. Kaválny filter sa používa pri odstraňovaní zrazenín zo žilového riečiska pri riziku periprocedurálnej embolizácie do pľúcneho riečiska.
</t>
    </r>
  </si>
  <si>
    <t xml:space="preserve">Mechanický trombektomický katéter kompatibilný s rovnakou riadiacou jednotkou na čerstvé tromby (do 2 týždňov), schopný sania, fragmentácie 
a transportu uzáverových hmôt, vyžaduje sa vo veľkostiach  6 - 10 F, 
na ošetrenie ciev priemeru 3 - 12 mm, na antegrádny alebo cross-over prístup, vo veľkostiach 6 F a dĺžke 110 cm a 135 cm, 8 F v dĺžke katétra 85 cm a 110 cm, 10 F v dĺžke 110 cm) sanie musí byť kontinuálne, OTW technológia, použitie katétrov schopné výkonu na tepnovom aj žilovom systéme. </t>
  </si>
  <si>
    <t>Požadované endovaskulárne periférne litotriptické katétre určené 
na nízkotlakovú balónikovú dilatáciu kalcifikovaných stenotických periférnych tepien. Požadujeme priemery balónikov vo veľkostiach medzi a vrátane 
3.5 – 8 mm v priemeroch zväčšujúcich sa o 0.5 mm</t>
  </si>
  <si>
    <r>
      <t xml:space="preserve">Funkčná špecifikácia predmetu zákazky:  
</t>
    </r>
    <r>
      <rPr>
        <sz val="10"/>
        <color theme="1"/>
        <rFont val="Arial"/>
        <family val="2"/>
        <charset val="238"/>
      </rPr>
      <t xml:space="preserve">Špeciálne trombolytické katétre kompatibilné s prenosnou 2-kanálovou jednotkou, určené na lokalizované podávanie trombolytickej liečby s ultrazvukovou akceleráciou účinku trombolytika 
na zrazeninu. Katétre možné použiť v arteriálnom aj venóznom systéme a rovnako na liečbu akútnej masívnej aj obojstrannej pľúcnej embólie. Uvedená metodika podstatne zrýchľuje resp. skracuje dobu trombolýzy a znižuje množstvo použitého trombolytika a tým znižuje možné krvácajúce komplikácie trombolýzy. </t>
    </r>
  </si>
  <si>
    <t xml:space="preserve">Katétre k ultrazvukom potencovanej trombolýze: Požadujeme špeciálne trombolytické katétre kompatibilné s prenosnou 2-kanálovou jednotkou, určené na lokalizované podávanie trombolytickej liečby s ultrazvukovou akceleráciou účinku trombolytika na zrazeninu. Katétre musia byť použiteľné v arteriálnom aj venóznom systéme a rovnako na liečbu akútnej masívnej aj obojstrannej pľúcnej embólie. Katétre musia byť samostatné ŠZM, napajateľné na kompatibilnú 2-kanálovú riadiacu jednotku. 
Katétre sú požadované v pracovnej dĺžke 106 a 135 cm. Liečebné zóny musia byť v dĺžke: 6, 12, 18, 24, 30, 40 a 50 cm. Musia byť kompatibilné 
s 0.035‘‘vodičom a 6 F sheathom.
Samotný katéter je zložený z katétra, ktorým preteká trombolytikum 
a chladiaci roztok a katétra s ultrazvukovými meničmi. Ultrazvukové musia byť generované s rôznou amplitúdou a dĺžkou trvania pre ideálne rozrušenie trombu, do ktorého sa následne efektívnejšie dostáva trombolytikum.  
</t>
  </si>
  <si>
    <t>Denervačný katéter musí obsahovať distálne 4 špirálovito uložené elektródy 
s indikáciou použitia na renálnu denerváciu, s ošetrením ciev v šírke priemeru medzi a vrátane 3 – 8 mm a musí byť kompatibilný s rádiofrekvenčným generátorom Symplicity G3.  Katéter musí byť kompatibilný s vodiacim drôtom priemeru 0,36mm, teda 0.014´´, vodič nesmie obsahovať hydrofílnu vrstvu. Vodiace katétre musia byť 6F a prisposobené na sondáž renálnych tepien obojstranne.</t>
  </si>
  <si>
    <t>Vyžaduje sa re-entry resp. kombinovaný crossing a re-entry flexibilný 
a zároveň dostatočne tuhý katéter s oceľovou alebo nitinolovou ihlou 
na prechod – návrat do pravého lúmenu cievy, zo subintimálneho priestoru. Musí byť do 6 F veľkosti ( vrátane ), kompatibilný na 0.014‘‘ alebo  0.018‘‘vodič, s možnou antegrádného aj retrográdneho prístupu a schopný 
aj cross-over intervencie. Musí byť v dvoch dĺžkach, medzi 80 – 120 cm.</t>
  </si>
  <si>
    <t>Hrudný stentgraft s crossing hydrofilným profilom (D) 22-25 F, s proximálnym aj distálnym diametrom v rozmedzí vrátane 22 - 46 mm a dĺžkou minimálne 
v rozmedzí 100 - 200 mm v rovnom prevedení a v zužujúcom prevedení 
s proximálnym diametrom stentgraftu v rozmedzí vrátane 26 - 46 mm 
a distálnym diametrom v rozmedzí vrátane 22 - 42 mm, v dĺžke 150 mm 
a rovné stentgrafty s distálnym kotviacim prstencom v diametroch 22 - 46 mm v dĺžke 100 cm. Stentgrafty musia mať jednoduché vypúšťanie otočnou rukoväťou, nitinolovú koncepciu s dobrou radiálnou silou na adekvátnu priľnavosť a tesnenie graftu."</t>
  </si>
  <si>
    <t>Brušný stentgraft s nízkoprofilovým diametrom v priečnom priemere graftu 
v rozmedzí a vrátane 23 mm a 36 mm  a dĺžkou tela graftu v rozmedzí vrátane 103 mm a 166 mm, pri minimálnej dĺžke kŕčku 10 mm a max. infrarenálnej angulácii 75° s možnosťou kombinácie rotačného pohybu a ťahu pri fixácii stentu/stentgraftu</t>
  </si>
  <si>
    <t>Musia byť kompatibilné s položkou č. 2,  kontralaterálne extenzie - slúžia 
na predĺženie a fixáciu hlavného tela stentgraftu v pánvových tepnách,  požadujeme stentgrafty v diametroch proximálneho priemeru 16 mm 
a distálneho priemeru v rozmedzí vrátane 10 - 28 mm a v dĺžkach v rozmedzí vrátane 82 -199 mm.</t>
  </si>
  <si>
    <t>Musí byť kompatibilný s položkou č. 2,  pánvové extenzie - slúžia 
na dodatočné predĺženia a fixáciu ipsilaterálneho ramena hlavného tela stentgraftu, ako aj na dodatočné predĺženie kontralaterálnej nožičky 
v pánvových tepnách, požadujú sa kompatibilné stengrafty v diametroch priemeru v rozmedzí vrátane 10 - 28 mm a dĺžkach 82 mm</t>
  </si>
  <si>
    <t>Musí byť kompatibilný s položkou č. 2,  slúži na dodatočné predĺženie 
a fixáciu hlavného tela stentgraftu v oblasti proximálneho krčka aorty, 
na prevenciu resp. liečbu endoleaku I, požaduje sa vo veľkostiach priečneho diametra stentgraftu v rozmedzí vrátane 23 - 36 mm a dĺžky graftu 49 mm.</t>
  </si>
  <si>
    <t>Musí byť kompatibilný s položkou č. 2,  slúži na dodatočné predĺženie 
a fixáciu hlavného tela stentgraftu v oblasti krčka aneuryzmy, resp. 
na prekrytie fokálnej lézie brušnej aorty, ak sa nevyžaduje implantácia bifurkačného stentgraftu, požaduje sa vo veľkostiach priečneho diametra stentgraftu v rozmedzí vrátane 23 - 36 mm a dĺžky graftu 70 mm</t>
  </si>
  <si>
    <t xml:space="preserve">Slúži ako hlavné telo stentgraftu, pri nemožnosti využitia rozdvojenej konfigurácie hlavného tela stentgraftu z rôznych anatomických a chorobných zmien v aorto-iliakálnej oblasti. V požadovaných situáciach sa kombinuje 
s použitím okludera,  požaduje sa vo veľkostiach priečneho diametru, 
v rozmedzí vrátane 23 - 36 mm s dĺžkou pokrytia 102 mm. </t>
  </si>
  <si>
    <t>Požaduje sa systém určený na zabezpečenie fixácie a utesnenia medzi endovaskulárnymi stentgraftami a natívnou tepnou na riešenie resp. prevenciu endoleaku I, s vonkajším priemerom zavádzača 16F a 18F, pracovnou dĺžkou 62 cm a 90 cm . Systém slúži na rozšírenie radiálnej fixácie alebo utesnenie a na opätovné získanie alebo udržanie adekvátnej separácie aneuryzmy, 
u pacientov, ktorých stentgrafty už preukázali pohyb alebo vnútorné presakovanie, alebo im hrozí riziko takých komplikácii. Systém sa skladá 
zo skrutiek-kotvy, uložené v kazete, vodič s obturatorom a aplikátora"</t>
  </si>
  <si>
    <t xml:space="preserve">Compliantný PTA balón s použitím na hrudný aj brušný stentgraft, 
s modelingom endograftu, s minimálnym rizikom traumy cievy, možnosťou dočasnej blokády toku vo veľkých cievach s diametrom balóna v rozmedzí 
10 mm - 46 mm, kompatibilný s 12F zavádzačom, so spoľahlivou  expanziou aj pri opakovaných infláciách a defláciách" </t>
  </si>
  <si>
    <r>
      <t xml:space="preserve">Funkčná špecifikácia predmetu zákazky:  
</t>
    </r>
    <r>
      <rPr>
        <sz val="10"/>
        <color theme="1"/>
        <rFont val="Arial"/>
        <family val="2"/>
        <charset val="238"/>
      </rPr>
      <t>Systém kompatibilných stentgraftov pre komplexnú endovaskulárnu liečbu-reparáciu aneuryziem, disekcií, transekcií a iných zlyhaní funkcie aorty, vrátane na mieru vyrábaných stentgraftov 
a komplexného príslušenstva nevyhnutného k implantácií.
Požadujeme špeciálny a komplexný ŠZM, ktorý obsahuje všetky komponenty pre endografting thorako-abdominálnej oblasti aorty, vrátane thorakálnych a abdominálnych nadväzujúcich stentgraftov, extenzií a príslušného pomocného materiálu, vrátane stentu určeného na modelovanie pravého lúmenu u disekcií aorty.</t>
    </r>
  </si>
  <si>
    <t xml:space="preserve">Stentgraft nitinolový, tubulárny a / alebo zužujúci, komponentný, určený 
pre endovaskulárne reparácie výdutí, aortálnych vredov a transekcií 
na descendentnej časti hrudnej aorty. Vnútorný priemer zavádzacieho zariadenia maximálne 16 F pre priemery 24-30 mm, 18 F pre priemery 32-38 mm a 20 F pre priemery 40-46 mm, priemery stentgraftu od 24 mm do 46 mm.  Dĺžky pokrytej časti stentgraftu musia byť od 105 mm do 233 mm."  Stentgraft je vyrobený z nitinolového Z stentu našitého na Dakron a musí byť MR kompatibilný,  musí byť opatrený na proximálnom konci modulačným nepokrytým stentom a na prvom pokrytom stente fixačnými háčikmi. Zavádzač stentgraftu musí byť s flexibilným kónickým hrotom, ktorý zároveň slúži ako dilatátor, zavádzaný po vodiči.     </t>
  </si>
  <si>
    <t>Stentgraft nitinolový, tubulárny a / alebo zužujúci, komponentný, určený 
pre endovaskulárne reparácie výdutí, aortálnych vredov a transekcií 
na descendentnej časti hrudnej aorty. Stentgraft je druhým stentgraftom 
v dvojici thorakálneho systému, ak je treba fixovať proximálny diel. Vnútorný priemer zavádzacieho zariadenia maximálne 16 F pre priemery 24-30 mm, 
18 F pre priemery 32-38 mm a 20 F pre priemery 40-46 mm. Priemery stentgraftu minimálne v rozsahu od 28 mm do 46 mm. Dĺžky pokrytej časti minimálne od 160 mm do 211 mm. Stentgraft musí byť opatrený 
na distálnom konci fixačným nepokrytým stentom a na tomto stente fixačnými háčikmi.</t>
  </si>
  <si>
    <t xml:space="preserve">Stentgraft pre endovaskulárne reparácie bežných brušných výdutí, 
pre pacientov s veľmi úzkym prístupovým riečiskom, s úzkym distálnym krčkom, krátkym krčkom a veľkým proximálnym rozmerom do 36 mm.  Komplet stentgraftu požadujeme trojdielny, jedno bifurkačné telo stentgraftu a 2 tubulárne nožičky, ktoré sú samostatné a po vložení do tela tvoria ucelený komplet. Stentgraft musí umožňovať ortográdny prietok do oboch spoločných panvových tepien. Stentgraft musí umožniť bezpečné vypúšťanie otáčaním madla zavádzača s možnosťou regulovať pozíciu stentgraftu počas otvárania, postupné otváranie stentgraftu pomocou bezpečnostných drôtov musí zaistiť bezpečné usadenie a repozíciu. Musí byť z výroby zasunutý 
a pripravený pre umiestnenie do zavádzačov s maximálnym vnútorným priemerom 16 F  (telo v diametre 22-32 mm) resp. 17 F  (telo v diametre 
36 mm), nožičky musia byť zasunuté v zavádzači s vnútorným priemerom 
12 F  ( 9-16 mm), resp.14 F  ( 20-24 mm).  Rozmery tela sú od 22 do 36 mm 
v priemere, od 72 do 128 mm  pracovnej dĺžky, musia byť maximálne biokompatibilné. </t>
  </si>
  <si>
    <t>Stentgraft tubulárny pre endovaskulárne reparácie bežných brušných výdutí, pre pacientov s veľmi úzkym prístupovým riečiskom, s úzkym distálnym krčkom, krátkym horným krčkom. Stentgraft musí tvoriť spolu s bifurkačnou komponentou kompaktný flexibilný celok, ktorý je nezalomiteľný (požadujeme špirálovo našitý Z-stent na Dakronu ) s diametrom distálneho konca od 8 do 24 mm. Všetky systémy sú kompatibilné s vodiacim drôtom 
o veľkosti 0,035 palca (0,89 mm),  rozmery nožičiek: priemery od 9-24 mm, dĺžky od 42 do 125 mm.</t>
  </si>
  <si>
    <t>Stentgraft  je určený pre endovaskulárne reparácie brušných výdutí, 
pre pacientov s veľmi angulovaným krčkom aneuryzmy. Komplet stentgraftu sa skladá z bifurkačného tela stentgraftu a 2 stentgraftov - nožičiek, ktoré sú samostatné a po vložení do tela tvoria trojdielny komplet. Stentgraft umožní  ortográdny prietok do oboch spoločných panvových tepien. Stentgraft musí byť z výroby zasunutý a pripravený pre umiestnenie do zavádzačov 
s maximálnym vonkajším priemerom 20 F (telo v diametre 22-32 mm) resp. 
22 F (telo v diametre 32 mm). Zavádzače sú nezlomiteľnej konštrukcie 
s hydrofilným povrchom.  Rozmery tela sú minimálne od 22 do 32 mm 
v priemere a od 82 do 149 mm pracovnej dĺžky.</t>
  </si>
  <si>
    <t xml:space="preserve">Typ bifurkačného endovaskulárného stentgraftu typu „ branch “ s odstupom prevedeným našitým druhým stentgraftom požadovanej dĺžky pre odstup vnútornej pánvovej tepny v prípade, že aneuryzma a. iliaca pokračuje za tento odstup, pričom dôraz sa kladie na zachovanie prietoku do a.illiaca int..  Stentgraft sa zavádza ako prvý, branch sa prepojí s art. iliaca interna predĺžením stentgraftu a potom sa proximálny diel spojí s bifurkačným stentgraftom uloženým nad ním tubulárnou komponentou. Materiál stentu musí byť z oceli, graft je z tkaného nepriepustného polyesteru, branch musí byť vystužený nitinolovými výstuhami. Biokompatibilný aj MR kompatibilný systém.  Rozmery dĺžok musia byť variabilné minimálne 41 mm 
a maximálne 61 mm nad branchovaným odstupom a tiež 41 až 58 mm 
pod odstupom vo voliteľných priemeroch 10 a 12 mm. </t>
  </si>
  <si>
    <t xml:space="preserve">Stentgraft pre reparáciu disekcií zostupnej časti hrudnej aorty.  Požadujeme tubulárnu a / alebo kužeľovitú komponentu, vyrobenú z oceľovej časti, 
Z - stentu našitého na polyesterovú tkaninu Dakron, bez fixácie proximálnym stentom a / alebo háčikmi. Minimálny rozsah priemerov stentgraftu od 22 mm do 42 mm, s možnosťou dodať aj kónický tvar v pracovnej dĺžke od 79 do 218 mm. Požadujeme, aby bol prvý pokrytý stent stentgraftu zaistený 
po celom priemere bezpečnostnými drôtmi až do presného vypustenia, 
bez efektu „ vtáčieho zobáka “.  Stentgraft musí byť z výroby zasunutý 
a pripravený pre umiestnenie v zavádzačoch s maximálnym vnútorným priemerom 20 F ( telo v diametre 22-34 mm ), 22 F 
( telo v diametre 36-42 mm ).   </t>
  </si>
  <si>
    <t>Požadujeme endovaskulárny tubulárny stent, ktorý je vyrobený prepojením nitinolových Z – stentov. Stent musí byť samoexpandibilný, pre reparáciu 
B - disekcie zostupnej časti hrudnej aorty formou modelovania pravého lúmen. Stent musí byť kompatibilný s pokrytým stentgraftom, ktorý je vložený do disekcie hrudnej aorty ako prvý pre pokrytie entry disekcie. Požadujeme rôzne dĺžky od 80 mm do 185 mm a v priemere 36 – 46 mm. Musí byť nasadený vo flexibilnom zavádzači s vnútorným priemerom 14 F 
s hydrofilným povrchom a uzatvárateľnou chlopňou.</t>
  </si>
  <si>
    <t>Požadujeme variantný systém, ktorý je upravený podľa anatomických parametrov pacienta pre thorako-abdominálnu časť aorty.  Systém musí byť vyrobený s odstupujúcimi brandžami tak, aby bolo možné prekryť celý viscerálny úsek a zaistiť priechody do všetkých tepien v tejto oblasti. A / alebo vyrobený s malými, resp. veľkými fenestráciami, resp. skalopmi,  
pre viscerálne tepny odstupujúce z aorty, ktoré sa ďalej predĺžujú do týchto ciev extenznými cievnymi stentgraftmi. Variantne može byť stentgraft vyrobený ako kombinácia brandží a fenestrácií. Takto upravená proximálna tubulárna komponenta je potom doplnená bifurkačnou komponentou 
a nožičkami, ktoré kotvia stentgrafty do spoločných pánevných tepien. Stentgraft je určený pre endovaskulárne reparácie juxtarenálnych brušných výdutí.  Materiál stentgraftu je MR kompatibilný. Orientácia, pozícia 
a prekrývanie stentgraftu je zaistené RTG kontrastnými markermi.  Dodávateľ musí v konečnej cene počítať s vlastným meraním anatómie pacienta 
a následným vyhotovením výrobného konceptu, ktorý schvaľuje do výroby lekár.</t>
  </si>
  <si>
    <t xml:space="preserve">Požadujeme stentgraft bifurkačný ako distálny k variantnému tubulárnemu fenestrovanému a / alebo thorako-abdominálnemu brandžovanému proximálnemu dielu v požadovaných kombináciach." Distálna komponenta  sa vsúva a otvára do komponenty proximálnej a predlžuje stengraft až 
pod brušnú bifurkáciu. Orientácia musí byť zaistená zlatými markermi. Požadujeme výber rôznych dĺžok od 76 mm do 124 mm, v hornom diametri 22. resp. 24 mm.  Materiál musí byť kompatibilný s horným dielom, ide 
o oceľ na tkanom polyestere.  Obe komponenty  sú biokompatibilné aj MR kompatibilné.Požadujeme zavádzač, ktorý je maximálne  s vonkajším priemerom 22 F., u bežných veľkostí 20 F., s hydrofilným povrchom 
a uzatvárateľnou chlopňou.   </t>
  </si>
  <si>
    <t xml:space="preserve">Zavádzač s pevným puzdrom, ktorý sa nekomprimuje ani nezalamuje, 
so silnostenným kónickým dilatátorom dimenzovaným pre vodiče 0,038 inch, je osadený spojovacou hadičkou zakončenou ventilom a hemostatickou chlopňou, ktorá neobteká. Puzdro vyrobené v dĺžke 70 a 85 cm  
a s vnútorným lúmenom vybraných dĺžok v rozmedzí 12 - 18 F. </t>
  </si>
  <si>
    <t>Zavádzač vystužený oceľovou špirálou s röntgenkontrastnou značkou 
na konci opatrený preplachovacou hadičkou s trojcestným ventilom 
a dilatátorom,  pre vodič 0,038 inch., v rozmeroch:  5-10 F a v dĺžkach medzi 30 -90 cm.</t>
  </si>
  <si>
    <t>Zavádzač vystužený oceľovou špirálou potiahnutý hydrofilnou vrstvou 
s röntgenkontrastnou značkou na konci. Tieto zavádzače sú balené v sete 
s dvomi kónickými dilatátormi dimenzovanými pre vodiče 0,018 a 0,038 inch. Hemostatická chlopeň je opatrená preplachovacou hadičkou s trojcestným ventilom. Zavádzač je konfigurovaný ako rovný, alebo zahnutý (multipurposa)  mierne a viac (renal double). Požaduje sa v rozmeroch 4-6 F,  dĺžky 90 cm.</t>
  </si>
  <si>
    <t>Zavádzač vystužený oceľovou špirálou potiahnutý hydrofilnou vrstvou 
s röntgenkontrastnou značkou na konci. Tieto zavádzače sú balené v sete 
s dvomi kónickými dilatátormi dimenzovanými pre vodiče 0,018 a 0,038 inch. Zavádzač opatrený trojcestným kohútikom. Zavádzač je na konci opatrený mäkkou atraumatickou zónou. Zavádzač je konfigurovaný ako zahnutý (multipurposa) mierne a viac (renal double a cobra). Je k dispozícii 
v rozmeroch 4-7 F., dĺžky 45-110 cm, rovný zahnutý, Balkin apod.</t>
  </si>
  <si>
    <t>Zavádzač vodiaci vystužený oceľovou špirálou s röntgenkontrastnou značkou na konci, opatrený preplachovacou hadičkou s trojcestným ventilom, 
pre vodič 0,035 inch. Zavádzač v sete s dilatátorom s ultramäkkou konštrukciou, držiaci doprednou silu opatrený na konci dvomi prechodovými zónami pre dosiahnutie maximálnej flexibility, rozmery: medzi 4-12 F a dĺžky medzi 45 - 110 cm.  Hrot zavádzača buď priamy, alebo zahnutý.</t>
  </si>
  <si>
    <t>Zavádzač vodiaci vystužený oceľovou špirálou s röntgenkontrastnou značkou na konci, opatrený preplachovacou hadičkou s trojcestným ventilom, 
pre vodič 0,035 inch. Zavádzač v sete s dilatátorom s ultramäkkou konštrukciou, držiaci doprednou silu opatrený na konci dvomi prechodovými zónami pre dosiahnutie maximálnej flexibility, rozmery: 5,5-8 F., dĺžky 40 cm. Hrot zavádzača zahnutý o 180 stupňov.</t>
  </si>
  <si>
    <t>Hydrofilný vodič s dobrou priechodnosťou a súčasne dobrou oporou 
pre diagnostické a intervenčné vaskulárne výkony. Tento vodič musí mať nitinolové jadro s platinovým koncom a hydrofilný povrch, ktorý si zachováva svoje vlastnosti aj po opakovaných zavedeniach v rámci jedného výkonu. Vodič musí mať tieto parametre: 0,035 inch., dĺžky 145 alebo 150 cm, 180 
až 190 cm, 260 až 300 cm, typ konca -  rovný alebo zahnutý, rôzne dĺžky mäkkého zakončenia. Musí byť pružný, odolný voči ohnutiu, event. zalomeniu, dobre priechodný. Musí mať röntgenkontrastný koniec, byť dobre ovládateľný a riaditeľný,  dodávaný s rotátorom. Požadujeme tiež, aby mal točivý moment 1:1 pri pomere manipulácie s distálnym koncom a rotáciou proximálneho konca.</t>
  </si>
  <si>
    <t>Vodič pre komplexné endovaskulárne intervencie, extrémne tuhý vodič 
s pevným jadrom z nerezovej ocele potiahnutý PTFE s rôzne dlhým mäkkým koncom od 15 cm, buď s rovným koncom alebo so zakončením rôznych polomerov zakrivenia dvojitého s polomermi 4-7,5 mm, dvakrát dvojitého 
s polomermi 4 - 7,5 a 15 mm a alebo predĺženého dvojitého s polomermi 
4 - 5,5 - 15 mm. Priemer vodiča 0,035 inch, v dĺžkach 260 a 300 cm.</t>
  </si>
  <si>
    <t>Vaskulárny extraktor , určený aj na aortálnu intervenciu, 8 F koncepcie, 
v dĺžkach 55 a 100 cm, určený do veľkosti 40 mm.</t>
  </si>
  <si>
    <t xml:space="preserve">Periférny vaskulárny extraktor, 6F koncepcie, nitinolový snare, vo forme 
4-lístka/4 slučiek, vybavený hemostatickou chlopňou na reguláciu prietoku, 
v dĺžke katétra 90 cm. </t>
  </si>
  <si>
    <r>
      <t xml:space="preserve">Funkčná špecifikácia predmetu zákazky:  
</t>
    </r>
    <r>
      <rPr>
        <sz val="10"/>
        <color theme="1"/>
        <rFont val="Arial"/>
        <family val="2"/>
        <charset val="238"/>
      </rPr>
      <t>Požadujeme extraktory – slučky na odstránenie endovaskulárne zavedených dočasných materiálov resp. poškodených materiálov. Požadujeme extraktory – slučky v tvare jednoduchej slučky a zároveň v tvare multi-snare. Extraktory slúžia k odstráneniu dočasných materiálov – napr. kaválnych filtrov, ako aj poškodených častí ŠZM.</t>
    </r>
  </si>
  <si>
    <r>
      <t xml:space="preserve">Funkčná špecifikácia predmetu zákazky:  
</t>
    </r>
    <r>
      <rPr>
        <sz val="10"/>
        <color theme="1"/>
        <rFont val="Arial"/>
        <family val="2"/>
        <charset val="238"/>
      </rPr>
      <t>Požadovaný špeciálny zdravotnícky materiál so zameraním na intervencie periférnych tepien s radiálnym prístupom, vrátane ŠZM na dlhom shufte a Rx koncepcie, požadujeme nízkoprofilové radiálne zavádzače, podporné katétre a miktokatétre, špeciálny dvojvrstvový samo-expandibilný stent a nízkoprofilové PTA katétre.</t>
    </r>
  </si>
  <si>
    <t>PTA katétre kompatibilné so 4 - 6 F zavádzačmi, na 0.018´´ vodiče,  
nízko-profilové, semi-compliantné s hydrofílným coatingom, RX koncepcie, 
s vysokou flexibilitou, priemerom balóna medzi a vrátane 2 - 8 mm a dĺžkou vybraných balónou medzi a vrátane 40 - 150 mm určené na ošetrenie periférnych tepien transbrachiálnym resp. transradiálnym prístupom, resp. crossover prístupom - pri efektívnej dĺžke shaftu katétra 150 cm.</t>
  </si>
  <si>
    <t>PTA katétre kompatibilné so 4 – 5 F zavádzačmi, na 0.018´´ vodiče, OTW koncepcie, indikované ilio-femorálnu, popliteálnu, infra-popliteálnu oblasť tepien, na renálne tepny a dilatáciu dialyzačných AVF, na ošetrenie natívnych stenóz ako aj na postdilatáciu stentov. Musia byť nízkoprofilové, 
v priemere medzi a vrátane 2.0-6.0 mm a v dĺžke medzi a vrátane 20-200 mm, v dĺžkach shaftov 90 a 150 cm.</t>
  </si>
  <si>
    <t>Excelentný support katéter s možnosťou dĺžky aj 150 cm, excelentná priechodnosť, koniec rovný resp. v ohybe 30 st. a v dĺžkach medzi a vrátane 65 - 150 cm, kompatibilný s 0,035´´ vodičom a 4 F zavádzačom, distálne 
s hydrofílnym coatingom.</t>
  </si>
  <si>
    <t xml:space="preserve">Transradiálne hydrofílne zavádzače 5, 6 a 7 F kompatibility, optimálne aj 
na použitie do gracilnejších radiálnych tepien s minimálnym rizikom poškodenia a uzáverov radiálnych tepien s unikátnou tenskostennou koncepciou sheathu, s redukciou vonkajšieho a zachovaním vnútorného diametra zavádzača v dĺžkach 10 a 16 cm, dodávané s dilatátorom, vodičom 
a punkčnou ihlou. </t>
  </si>
  <si>
    <t>Špeciálny dvoj-vrstvový karotický samo-expandibilný nitinolový stent 
( micromesh ) s konštrukciou open aj closed cell dizajnom, s maximálnou protekciou prechodu plaque a embolu cez stent do lúmenu, 5 F a 0.014´´ kompatibilný, ideálny na primárny stenting, vhodný aj na tortuóznu anatómiu</t>
  </si>
  <si>
    <t xml:space="preserve">Mikrokatéter s vynikajúcou priechodnosťou, navigáciou a podporou v zhoršených anatomických pomeroch s hydrofílnym povlečením. Vyžaduje sa vo veľkostiach minimálne a vrátane medzi 2,4 - 2,8 F a v dĺžkach 110cm-150cm, s možnosťou transradiálnej intervencie, kompatibilný na 0.018´´-0.021´´ embolizačný materiál a koaxiálny mikrokatéter vo veľkostiach 2,7 
a 2,8 F. </t>
  </si>
  <si>
    <r>
      <t xml:space="preserve">Funkčná špecifikácia predmetu zákazky:  
</t>
    </r>
    <r>
      <rPr>
        <sz val="10"/>
        <color theme="1"/>
        <rFont val="Arial"/>
        <family val="2"/>
        <charset val="238"/>
      </rPr>
      <t xml:space="preserve">Špeciálne DCB balóny s nízkym crossing profilom v dĺžke 250 mm, s obsahom liečiva paclitaxel. Požadujeme balóny kompatibilné na 0.035´´ vodič. </t>
    </r>
  </si>
  <si>
    <t>Požadujeme špeciálne nízkoprofilové DCB balóny kompatibilné s 0.035´´ vodičom, OTW koncepcie, určené na periférne tepny s indikáciou 
na femoropopliteálnu oblasť k liečbe de novo, restenóz alebo in stent-restenóz.  Požadované balóny musia byť kompatibilné podľa veľkosti a typu 
s 5 alebo 6 F zavádzačom, balóny musia byť nízkoprofilové, môžu byť semi-compliantné, musia byť OTW koncepcie a obsahovať paclitaxel. Balóny musia byť v priemere minimálne medzi a vrátane 4 – 6 mm a v dĺžke 250 mm, kratšie rozmery môžu byť doplnkové, musia obsahovať liečivo paclitaxel.</t>
  </si>
  <si>
    <t>Liekom (amphilimus) poťahované „polymer free“ nitinolové samo-expandovateľné stenty určené na liečbu primárne femorálnej oblasti, kompatibilné s 0.035´´vodičom a 6F zavádzačom, OTW koncepcie, minimálne v rozmedzí a vrátane priemeru stentu medzi a vrátane 6 - 8 mm 
a dĺžky v rozsahu minimálne a vrátane 20 - 150 mm ( konkrétne minimálne 
v dĺžke 20, 60, 80, 100, 150 mm )</t>
  </si>
  <si>
    <r>
      <t xml:space="preserve">Funkčná špecifikácia predmetu zákazky:  </t>
    </r>
    <r>
      <rPr>
        <sz val="10"/>
        <color theme="1"/>
        <rFont val="Arial"/>
        <family val="2"/>
        <charset val="238"/>
      </rPr>
      <t xml:space="preserve">Spotrebný zdravotnícky materiál a špeciálny zdravotnícky materiál pre intervenčnú angiológiu.
</t>
    </r>
  </si>
  <si>
    <t xml:space="preserve">Požadujeme na dlhý sheath na neurointervencie s veľkosťou lúmenu 0.088´´ 
( 2.24 mm ), proximálna časť musí byť 8F a distálna časť 6F kompatibilná. Proximálna časť musí byť byť prispôsobená na suppport v aortálnom oblúku, distálna časť musí byť atraumatická, mäkká. Sheath musí byť kombatibilný 
s 0.035´´ vodičom a v dĺžkach medzi a vrátane 80 – 100 cm. </t>
  </si>
  <si>
    <t>Požadovaný odpútateľný remodelačný a revaskularizačný neurovaskulárny stent s možnosťou použitia pri mechanickej trombectómii intrakraniálnej tepny ako aj indikácie remodelácie tepny pri ponechaní stentu ( odpútaním ) 
v indikovanej lézií tepny.</t>
  </si>
  <si>
    <t xml:space="preserve">Požadovaný revaskularizačný stent: stent-retriever na odstránenie akútnych trombotických resp. embolizačných uzáverov arteria cerebri media úsekov M1/2, arteria cerebri anterior, arteria basilaris, arteria vertebralis. Musí obsahovať platinové markery na lepšiu viditeľnosť, je určený na liečbu priemerov tepien od 2 – 5,5 mm, musí byť v priemere stentu 4 a 6 mm 
a pri priemere 6 mm musí mať dĺžku stentu 40 mm. </t>
  </si>
  <si>
    <t>Požadovaný balónikový vodiaci katéter kompatibilný so zavádzačom 7 -9 F 
s efektívnou dĺžkou katétrov minimálne 92 cm, určené na oklúziu tepien pri revaskularizácií</t>
  </si>
  <si>
    <t>Požadované tekuté neadhezívne embolizačné činidlo vo viskozite 
s  koncentráciou EVOH ( ethylén vinyl alkohol ) 6.5 %</t>
  </si>
  <si>
    <t>Požadované odpútateľné intrakraniálne platinové coily, veľkosti od 0,01 
do 0,018 vrátane 3D technológie, v supersoft a extrasoft prevedení aj s PGLA technológiou, vybrané coily od veľkosti priemeru 1 – 25 mm a vybrané coily 
v dĺžkach od 1 do 50 cm.</t>
  </si>
  <si>
    <t xml:space="preserve">Požadované mikrokatétres vnútorným priemerom 0.027´´v dĺžkach medzi 
a vrátane 105 – 160 cm. </t>
  </si>
  <si>
    <r>
      <t xml:space="preserve">Funkčná špecifikácia predmetu zákazky:  
</t>
    </r>
    <r>
      <rPr>
        <sz val="10"/>
        <color theme="1"/>
        <rFont val="Arial"/>
        <family val="2"/>
        <charset val="238"/>
      </rPr>
      <t xml:space="preserve">Špeciálny zdravotnícky materiál so zameraním na akútne neurointervenčné výkony, požadovaný stent-retriever špeciálnej koncepcie, intrakraniálne katétre určené na distálny prístup 
a na aspiračnú trombektómiu pri intrakraniálnych uzáveroch a podporné mikrokatétre a intrakraniálne nekovové lepidlo (činidlo). 
</t>
    </r>
  </si>
  <si>
    <t>Požadované extrakčné trombektomické intrakraniálne zariadenie s petálnym filtrom, pozostávajúce z 3 až 5 samostatných segmentov ( komôrok ), 
v priemeroch minimálne v rozmedzí 3 – 6 mm a v rôznych dĺžkach.</t>
  </si>
  <si>
    <t>Požadovaný katéter na distálny prístup, musí mať špirálovitú konštrukciu 
a externý výplet, vnútorný diameter musí mať minimálne 0.070´´ 
a v celkových dĺžkach od 125 do 131 cm. Kompatibilný s 5 F zavádzačom.</t>
  </si>
  <si>
    <t>Požadovaný katéter na distálny prístup, musí mať špirálovitú konštrukciu 
a externý výplet, vnútorný diameter musí mať 0.055´´ a v celkových dĺžkach 
od 105 do 125 cm. Kompatibilný so 6F zavádzačom.</t>
  </si>
  <si>
    <t>Neurointervenčné riaditeľné zavádzacie vodiče oceľovej konštrukcie 
s nitinolom a špičkou obsahujúcou platinu, v dĺžkach 300 cm a rovnom alebo zakrivenom zakončení, musia byť v koncepcii 0.010´´ a 0.014´´ a 0.014´´ vodiče v prevedení štandard a soft.</t>
  </si>
  <si>
    <t xml:space="preserve">Mikrokatétre určené aj na distálny prístup, na 0.014´´ a 0.018´´ vodiče 
v dĺžkach minimálne 150 cm, niektoré rozmery aj v 135 cm, distálny koniec katétra musí mať RTG kontrastnú značku, povrch mikrokatétra musí byť 
z Hydrolénu, ktorý znižuje trenie v cieve. </t>
  </si>
  <si>
    <t>Nebalónkový guide katéter k neurointervencím s proximálnym supportom  
a distálnou flexibilitou katétra s rôznym prevedením zakončenia katétra, 
vo veľkostiach medzi a vrátane 5 – 8 F a dĺžkach medzi 90 – 100 cm</t>
  </si>
  <si>
    <t xml:space="preserve">Stentový systém s balónikovým katétrom je určený na zlepšenie prietoku 
v intrakraniálnych tepnách pri vracajúcej sa ischemickej cievnej príhode, ktorá nastane napriek adekvátnej medikamentóznej liečbe a je spôsobená intrakraniálnou zúženou tepnou v rozsahu 70 – 99%.
Požadujeme samoexpandujúci nitinolový stent s RTG kontrastnými markermi na koncoch stentu, kompatibilné s 0.014´´ vodičom, dĺžka zavádzacieho systému musí byť 135 cm, stent musí byť dostupný v priemere 2.5, 3.0, 3.5, 4.0 a 4.5 mm a v dĺžkach 9, 15 a 20 mm. 
</t>
  </si>
  <si>
    <t>Požadujeme kompatibilný PTA balón s položkou č. 4, balón s hydrofílnym povlakom, 0.014´´ a OTW koncepcie, v priemeroch medzi a vrátane 1.5 – 4.0 mm a v dĺžkach 9 a 15 mm a vybraných priemerov 20 mm</t>
  </si>
  <si>
    <r>
      <t xml:space="preserve">Funkčná špecifikácia predmetu zákazky:  
</t>
    </r>
    <r>
      <rPr>
        <sz val="10"/>
        <color theme="1"/>
        <rFont val="Arial"/>
        <family val="2"/>
        <charset val="238"/>
      </rPr>
      <t xml:space="preserve">Požadované špeciálne tromboembolické extraktory – intrakraniálne samoexpandibilné stenty ( stentretriever ) s vyššou radiálnou silou a kompatibilné s mikrokatétrami veľkosti do 0.021´´ 
s oceľovým vodiacim drôtom a špeciálne neurointervenčné vodiče, širokého spektra veľkostí, štruktúry a určenia.
</t>
    </r>
  </si>
  <si>
    <t>Vodiaci drôt musí byť z nitinolu – kvôli flexibilite a „kink rezistencii “ 
( zaručená atraumatickosť )</t>
  </si>
  <si>
    <t>Extraktor sa musí dať použiť v tandeme na vytiahnutie trombu z vetvenia 
(do každej vetvy jeden extraktor  – musia byť súčasne vtiahnuteľne do DAC katétra )</t>
  </si>
  <si>
    <t>Krútiaci moment je prenášaný 1:1 od konca vodiča po špičku, nezávisle 
na zahnutí vodiča.</t>
  </si>
  <si>
    <t>Vnútorný oceľový drôt vedie po celej dĺžke od konca až po špičku – 
na zabezpečenie riaditeľnosti a pushability.</t>
  </si>
  <si>
    <t>Požadujeme vodič s rovnou flexibilnou špičkou, ktorá je RTG-kontrastná 
5 cm pre 0.014´´ vodič, 3 cm pre 0.010´´ vodič a 9 cm pre 0.008´´ vodič.</t>
  </si>
  <si>
    <t>Hydrofilný coating – Slip-Coat technológia distálnych 170 cm pre 0.014´´ 
a 0.010´´ a 180 cm pre vodič 0.008´´.</t>
  </si>
  <si>
    <t>Vodič by mal byť na povrchu vrúbkovaný a poskytovať dobrú oporu 
pre mikrokatéter.</t>
  </si>
  <si>
    <t>Dedikovaný neuro zavádzací drôt s prenosom krútiaceho momentu 1:1 
a polymerovým coatingom.</t>
  </si>
  <si>
    <t xml:space="preserve">Soft tip“ je označenie pre verziu s flexibilnejšou špičkou, používa sa 
pri potrebe zaviesť väčší katéter. </t>
  </si>
  <si>
    <t>s možnosťou prechodu léziou 0,014´´ alebo 0,018´´ vodičom, určeným 
na veľkosť ciev v priemere medzi a vrátane 2 - 7 mm s excelentnou stabilitou filtra pri procedúre, s použitím v karotickom aj periférnom riečisku.</t>
  </si>
  <si>
    <t>Požadovaná dĺžka zavádzača od 45cm do 90cm, s rozmermi od 6,5 F 
do 12 F s možnosťou zakrivenia flexibilného konca medzi 9 mm až 30 mm.</t>
  </si>
  <si>
    <t>s 5 a 10 cm prechodovými segmentami  a s vynikajúcou odpoveďou 
na otočenie</t>
  </si>
  <si>
    <t>v dĺžkach minimálne 190 cm a 300 cm</t>
  </si>
  <si>
    <t xml:space="preserve">s hladkým atraumatickým hrotom a poskytujúci podporu intervencie 
a adekvátnu výmenu device, </t>
  </si>
  <si>
    <t>4 F nízkoprofilové nitinolové samoexpandovateľné stenty 
do femoropopliteálnej oblasti, OTW koncepcie na 0.018´´ vodič, stenty 
s jednoduchou implantáciou jednou rukou, vo veľkostiach: v priemere stentov medzi a vrátane 4 - 7 mm a dĺžky stentov medzi a vrátane 20 – 200 mm.</t>
  </si>
  <si>
    <t xml:space="preserve">Hydrofílne katétre na podporu alebo výmenu vodiča, 0.014´´ alebo 0.018´´ koncepcie, určené na periférne tepny, v dĺžkach medzi 60 – 150 cm, 
s rovným koncom. </t>
  </si>
  <si>
    <t>Vodič 0.018´´ s dobrou priechodnosťou lézie a dostatočnou oporou, vodič 
z nehrdzavejúcej ocele, optimálnou ovládateľnosťou, veľkou flexibilitou,  vynikajúcou odolnosťou a tvarovateľnosťou vodiča, výbornou radiopacitou. Požadované dĺžky v rozmedzí vrátane 195 až 300 cm.</t>
  </si>
  <si>
    <t>Vyžaduje sa minimálne 4F zavádzač, optimálne aj vo veľkostiach 5 a 6 F 
s hydrofóbnym koncom zavádzača s možnosťou odstránenia chlopne pri 5 
a 6F pri event. aspirácií trombov, v dĺžke 45 a 100 cm s rovným zakončením 
a rovným alebo zakončením s ohybom pri 45 cm dĺžke, s excelentnou kink 
a deformačnou rezistenciou vďaka štruktúre z nerezovej ocele.</t>
  </si>
  <si>
    <t>4 F kompatibilné balónikové katétre na 0.018´´ vodič OTW koncepcie 
bez liekového potiahnutia 4 F kompatibilné v rozmedzí priemeru minimálne medzi a vrátane 2 - 6 mm a v dĺžke v rozmedzí minimálne a vrátane 20 - 80 mm.</t>
  </si>
  <si>
    <t>Požaduje sa uzatvorenie rámcovej dohody, a to na dohodnuté zmluvné obdobie štyridsiatichôsmich (48) kalendárnych mesiacov, resp. do doby naplnenia zmluvného finančného objemu podľa toho, ktorá z uvedených skutočností nastane skôr.</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Požaduje sa poskytovanie plnenia vo viacerých ucelených častiach, a to 
na základe písomných čiastkových výziev (ďalej len "Objednávka") Objednávateľa s periodicitou a v minimálnych objemoch podľa aktuálnych prevádzkových potrieb Objednávateľa.</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r>
      <t xml:space="preserve">Funkčná špecifikácia predmetu zákazky:  
</t>
    </r>
    <r>
      <rPr>
        <sz val="10"/>
        <color theme="1"/>
        <rFont val="Arial"/>
        <family val="2"/>
        <charset val="238"/>
      </rPr>
      <t>Požadujeme samo-expandovateľné 6 F kompatibilné stenty na 0.035´´ vodič s indikáciou na supra aj infrainguinálne tepny.</t>
    </r>
  </si>
  <si>
    <r>
      <t xml:space="preserve">Funkčná špecifikácia predmetu zákazky:  
</t>
    </r>
    <r>
      <rPr>
        <sz val="10"/>
        <color theme="1"/>
        <rFont val="Arial"/>
        <family val="2"/>
        <charset val="238"/>
      </rPr>
      <t xml:space="preserve">Požadované sú aterektomicko-trombektomické katétre s príslušenstvom, kompatibilné so zdrojovou jednotkou aterektomického systému s aktívnou aspiráciou. Ide o elektricky poháňané katétre určené na liečbu kombinovaných cievných oklúzií - katétre schopné aterektomovať a zároveň trombektomovať léziu/uzáver - nezávislou aspiráciou a majú aj infúzne funkcie. Sú určené na liečbu uzáverov horných aj dolných končatín.                                                                                                                                                                                                                                                                                                                                                                                                                                             </t>
    </r>
  </si>
  <si>
    <t xml:space="preserve">Položka č. 2 - Trombektomický katéter typ č. 2 </t>
  </si>
  <si>
    <t>Položka č. 3 -  Dočasný periprocedurálny kaválny filter</t>
  </si>
  <si>
    <r>
      <rPr>
        <b/>
        <sz val="10"/>
        <color theme="1"/>
        <rFont val="Arial"/>
        <family val="2"/>
        <charset val="238"/>
      </rPr>
      <t>Funkčné vzorky</t>
    </r>
    <r>
      <rPr>
        <sz val="10"/>
        <color theme="1"/>
        <rFont val="Arial"/>
        <family val="2"/>
        <charset val="238"/>
      </rPr>
      <t xml:space="preserve"> v počte 1 ks pre </t>
    </r>
    <r>
      <rPr>
        <b/>
        <sz val="10"/>
        <color theme="1"/>
        <rFont val="Arial"/>
        <family val="2"/>
        <charset val="238"/>
      </rPr>
      <t>časť č. 1, 8 a 9</t>
    </r>
    <r>
      <rPr>
        <sz val="10"/>
        <color theme="1"/>
        <rFont val="Arial"/>
        <family val="2"/>
        <charset val="238"/>
      </rPr>
      <t xml:space="preserve">, ktorú uvedie objednávateľ 
vo Výzve na predloženie vzoriek. </t>
    </r>
    <r>
      <rPr>
        <b/>
        <sz val="10"/>
        <color theme="1"/>
        <rFont val="Arial"/>
        <family val="2"/>
        <charset val="238"/>
      </rPr>
      <t>Dodávateľ predkladá vzorky až na základe e-mailovej výzvy objednávateľa prostredníctvom systému sw. Josephine.</t>
    </r>
    <r>
      <rPr>
        <sz val="10"/>
        <color theme="1"/>
        <rFont val="Arial"/>
        <family val="2"/>
        <charset val="238"/>
      </rPr>
      <t xml:space="preserve"> Objednávateľ si v rámci kontroly splnenia osobitných požiadaviek vyhradzuje právo vyžiadať doručenie vzoriek za účelom ich testovania v plnej prevádzke objednávateľa. </t>
    </r>
  </si>
  <si>
    <t>Časť č. 58 - Ochrana pred embolizáciou pri perkutánnych rádiologických intervenciách - emboloprotekcia (EPD - embolic protection device) - periférna (skupiny č. 2)</t>
  </si>
  <si>
    <r>
      <t xml:space="preserve">Áno - 61 častí - </t>
    </r>
    <r>
      <rPr>
        <b/>
        <sz val="10"/>
        <color theme="1"/>
        <rFont val="Arial"/>
        <family val="2"/>
        <charset val="238"/>
      </rPr>
      <t xml:space="preserve">Uchádzač predloží svoju ponuku za príslušnú časť, o ktorú prejaví záujem. </t>
    </r>
  </si>
  <si>
    <t xml:space="preserve">Požadujeme trombolytické katétre – infúzny trombolytický systém na zabezpečenie dodávky trombolytickej liečby do tepnového alebo žilového uzáveru cievneho systému. Potreba dodania rôznych dĺžok katétrov s rôznymi dĺžkami pracovných ( infúznych ) koncov v rozmedzí dĺžok medzi a vrátane 5 - 50 cm, s možnosťou katétra s alebo bez oklúzneho vodiča s kompatibilitou 4 resp. 5F. </t>
  </si>
  <si>
    <r>
      <t xml:space="preserve">Funkčná špecifikácia predmetu zákazky:  
</t>
    </r>
    <r>
      <rPr>
        <b/>
        <sz val="10"/>
        <color rgb="FFFF0000"/>
        <rFont val="Arial"/>
        <family val="2"/>
        <charset val="238"/>
      </rPr>
      <t>Trombolytický katéter – infúzny systém na zabezpečenie dodávky trombolytickej liečby do tepnového alebo žilového uzáveru cievneho systému.</t>
    </r>
  </si>
  <si>
    <t xml:space="preserve">Požadujeme vysoko flexibílny samoexpandibilný nitinolový closed cell karotícky stent s „ micro-mesh “ dizajnom. Stent musí byť v priemere medzi a vrátane 5 – 10 mm a v dĺžke medzi a vrátane 20 - 30 mm.  Musí byť kompatibilný s 0.014´´ vodičom a schopný retrakcie čiastočne vysunutého stentu ( do 50% ). </t>
  </si>
  <si>
    <r>
      <t xml:space="preserve">Funkčná špecifikácia predmetu zákazky:  
</t>
    </r>
    <r>
      <rPr>
        <b/>
        <sz val="10"/>
        <color rgb="FFFF0000"/>
        <rFont val="Arial"/>
        <family val="2"/>
        <charset val="238"/>
      </rPr>
      <t xml:space="preserve">Požadujeme nitinolový double layer stent s "micro mesh“ dizajnom, vhodný na tortuóznu anatómiu ciev, stent musí byť vysoko flexibílny, Rx koncepcie, 5F koncepcie, ideálny na primárny stenting karotíd.
</t>
    </r>
  </si>
  <si>
    <r>
      <t xml:space="preserve">Položka č. 1 - </t>
    </r>
    <r>
      <rPr>
        <b/>
        <sz val="10"/>
        <color rgb="FFFF0000"/>
        <rFont val="Arial"/>
        <family val="2"/>
        <charset val="238"/>
      </rPr>
      <t>Double layer karotícký stent s "micro-mesh" dizajnom</t>
    </r>
  </si>
  <si>
    <r>
      <t xml:space="preserve">Funkčná špecifikácia predmetu zákazky:  </t>
    </r>
    <r>
      <rPr>
        <b/>
        <sz val="10"/>
        <color rgb="FFFF0000"/>
        <rFont val="Arial"/>
        <family val="2"/>
        <charset val="238"/>
      </rPr>
      <t>Požadujeme špeciálne karotické stenty na 0.014´´ vodič  s "closed cell" dizajnom a zároveň vysokou flexibilizou stentov, stenty musia byť schopné retrakcie čiastočne vysunutého stentu.</t>
    </r>
  </si>
  <si>
    <t>RX samoexpandovateľné Co-Cr karotické stenty monorail konštrukcie  s „closed cell“ dizajnom</t>
  </si>
  <si>
    <t>stenty musia byť v priemere medzi a vrátane 6 - 10 mm a na ošetrenie dĺžky lézie mininimálne medzi a vrátane 22-36 mm. Musí byť kompatibilný na 0.014´´ vodič a schopný retrakcie čiastočne vysunutého stentu ( do 85 % ).</t>
  </si>
  <si>
    <t xml:space="preserve">a zároveň vysokou flexibilitou stentov, schopné ošetriť tepny v referenčnom rozmere medzi a vrátane 4.0 - 9.0 mm, </t>
  </si>
  <si>
    <t>Double layer karotícký stent s "micro-mesh" dizajn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9" tint="0.79998168889431442"/>
        <bgColor indexed="64"/>
      </patternFill>
    </fill>
    <fill>
      <patternFill patternType="solid">
        <fgColor theme="0"/>
        <bgColor indexed="64"/>
      </patternFill>
    </fill>
  </fills>
  <borders count="7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style="thin">
        <color auto="1"/>
      </left>
      <right style="medium">
        <color indexed="64"/>
      </right>
      <top style="dotted">
        <color auto="1"/>
      </top>
      <bottom style="dotted">
        <color auto="1"/>
      </bottom>
      <diagonal/>
    </border>
    <border>
      <left/>
      <right/>
      <top style="thin">
        <color auto="1"/>
      </top>
      <bottom style="thin">
        <color auto="1"/>
      </bottom>
      <diagonal/>
    </border>
    <border>
      <left style="medium">
        <color auto="1"/>
      </left>
      <right style="thin">
        <color auto="1"/>
      </right>
      <top/>
      <bottom style="medium">
        <color auto="1"/>
      </bottom>
      <diagonal/>
    </border>
    <border>
      <left style="medium">
        <color auto="1"/>
      </left>
      <right style="thin">
        <color auto="1"/>
      </right>
      <top style="dotted">
        <color auto="1"/>
      </top>
      <bottom style="thin">
        <color indexed="64"/>
      </bottom>
      <diagonal/>
    </border>
    <border>
      <left style="thin">
        <color indexed="64"/>
      </left>
      <right style="thin">
        <color indexed="64"/>
      </right>
      <top/>
      <bottom style="medium">
        <color auto="1"/>
      </bottom>
      <diagonal/>
    </border>
    <border>
      <left style="thin">
        <color auto="1"/>
      </left>
      <right style="thin">
        <color auto="1"/>
      </right>
      <top style="dotted">
        <color auto="1"/>
      </top>
      <bottom style="thin">
        <color indexed="64"/>
      </bottom>
      <diagonal/>
    </border>
    <border>
      <left style="dotted">
        <color auto="1"/>
      </left>
      <right style="medium">
        <color auto="1"/>
      </right>
      <top style="dotted">
        <color auto="1"/>
      </top>
      <bottom style="thin">
        <color indexed="64"/>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dotted">
        <color auto="1"/>
      </left>
      <right style="dotted">
        <color auto="1"/>
      </right>
      <top style="dotted">
        <color auto="1"/>
      </top>
      <bottom style="thin">
        <color indexed="64"/>
      </bottom>
      <diagonal/>
    </border>
    <border>
      <left style="thin">
        <color auto="1"/>
      </left>
      <right/>
      <top style="thin">
        <color auto="1"/>
      </top>
      <bottom style="dotted">
        <color auto="1"/>
      </bottom>
      <diagonal/>
    </border>
    <border>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thin">
        <color auto="1"/>
      </right>
      <top/>
      <bottom style="dotted">
        <color auto="1"/>
      </bottom>
      <diagonal/>
    </border>
    <border>
      <left style="thin">
        <color auto="1"/>
      </left>
      <right style="thin">
        <color auto="1"/>
      </right>
      <top style="dotted">
        <color auto="1"/>
      </top>
      <bottom style="medium">
        <color indexed="64"/>
      </bottom>
      <diagonal/>
    </border>
    <border>
      <left/>
      <right style="thin">
        <color auto="1"/>
      </right>
      <top style="thin">
        <color auto="1"/>
      </top>
      <bottom style="medium">
        <color indexed="64"/>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medium">
        <color auto="1"/>
      </right>
      <top/>
      <bottom style="thin">
        <color auto="1"/>
      </bottom>
      <diagonal/>
    </border>
    <border>
      <left style="thin">
        <color auto="1"/>
      </left>
      <right/>
      <top/>
      <bottom style="thin">
        <color auto="1"/>
      </bottom>
      <diagonal/>
    </border>
    <border>
      <left/>
      <right/>
      <top style="thin">
        <color auto="1"/>
      </top>
      <bottom style="medium">
        <color indexed="64"/>
      </bottom>
      <diagonal/>
    </border>
    <border>
      <left/>
      <right style="medium">
        <color indexed="64"/>
      </right>
      <top style="thin">
        <color auto="1"/>
      </top>
      <bottom style="dotted">
        <color auto="1"/>
      </bottom>
      <diagonal/>
    </border>
    <border>
      <left/>
      <right style="medium">
        <color indexed="64"/>
      </right>
      <top style="dotted">
        <color auto="1"/>
      </top>
      <bottom style="dotted">
        <color auto="1"/>
      </bottom>
      <diagonal/>
    </border>
    <border>
      <left style="thin">
        <color auto="1"/>
      </left>
      <right/>
      <top style="dotted">
        <color auto="1"/>
      </top>
      <bottom style="medium">
        <color auto="1"/>
      </bottom>
      <diagonal/>
    </border>
    <border>
      <left style="thin">
        <color indexed="64"/>
      </left>
      <right style="medium">
        <color indexed="64"/>
      </right>
      <top style="dotted">
        <color auto="1"/>
      </top>
      <bottom style="medium">
        <color auto="1"/>
      </bottom>
      <diagonal/>
    </border>
    <border>
      <left style="thin">
        <color auto="1"/>
      </left>
      <right style="thin">
        <color auto="1"/>
      </right>
      <top/>
      <bottom/>
      <diagonal/>
    </border>
    <border>
      <left style="thin">
        <color auto="1"/>
      </left>
      <right style="thin">
        <color auto="1"/>
      </right>
      <top/>
      <bottom style="thin">
        <color auto="1"/>
      </bottom>
      <diagonal/>
    </border>
    <border>
      <left style="medium">
        <color auto="1"/>
      </left>
      <right style="thin">
        <color auto="1"/>
      </right>
      <top/>
      <bottom/>
      <diagonal/>
    </border>
    <border>
      <left style="medium">
        <color indexed="64"/>
      </left>
      <right style="thin">
        <color auto="1"/>
      </right>
      <top/>
      <bottom style="thin">
        <color auto="1"/>
      </bottom>
      <diagonal/>
    </border>
    <border>
      <left style="medium">
        <color auto="1"/>
      </left>
      <right style="thin">
        <color auto="1"/>
      </right>
      <top style="thin">
        <color auto="1"/>
      </top>
      <bottom style="medium">
        <color indexed="64"/>
      </bottom>
      <diagonal/>
    </border>
    <border>
      <left style="thin">
        <color auto="1"/>
      </left>
      <right style="medium">
        <color indexed="64"/>
      </right>
      <top style="dotted">
        <color auto="1"/>
      </top>
      <bottom style="thin">
        <color auto="1"/>
      </bottom>
      <diagonal/>
    </border>
    <border>
      <left style="medium">
        <color auto="1"/>
      </left>
      <right style="thin">
        <color auto="1"/>
      </right>
      <top style="thin">
        <color auto="1"/>
      </top>
      <bottom style="dotted">
        <color auto="1"/>
      </bottom>
      <diagonal/>
    </border>
    <border>
      <left style="medium">
        <color indexed="64"/>
      </left>
      <right style="thin">
        <color auto="1"/>
      </right>
      <top style="dotted">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2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4" xfId="0" applyFont="1" applyBorder="1" applyAlignment="1">
      <alignment vertical="center" wrapText="1"/>
    </xf>
    <xf numFmtId="0" fontId="2" fillId="0" borderId="14" xfId="0" applyFont="1" applyFill="1" applyBorder="1" applyAlignment="1">
      <alignment horizontal="center" vertical="center" wrapText="1"/>
    </xf>
    <xf numFmtId="0" fontId="2" fillId="3" borderId="14" xfId="0" applyFont="1" applyFill="1" applyBorder="1" applyAlignment="1">
      <alignment horizontal="left" vertical="top" wrapText="1"/>
    </xf>
    <xf numFmtId="0" fontId="2" fillId="3" borderId="14"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6"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2"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0" borderId="24" xfId="0" applyNumberFormat="1" applyFont="1" applyBorder="1" applyAlignment="1">
      <alignment horizontal="center" vertical="center" wrapText="1"/>
    </xf>
    <xf numFmtId="0" fontId="7" fillId="2" borderId="14"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49" fontId="5" fillId="5" borderId="16" xfId="0" applyNumberFormat="1" applyFont="1" applyFill="1" applyBorder="1" applyAlignment="1">
      <alignment vertical="center" wrapText="1"/>
    </xf>
    <xf numFmtId="49" fontId="5" fillId="5" borderId="13"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2" xfId="0" applyFont="1" applyBorder="1" applyAlignment="1">
      <alignment horizontal="center" vertical="center" wrapText="1"/>
    </xf>
    <xf numFmtId="0" fontId="4" fillId="0" borderId="32" xfId="0" applyFont="1" applyBorder="1" applyAlignment="1">
      <alignment horizontal="left" vertical="center" wrapText="1"/>
    </xf>
    <xf numFmtId="16" fontId="4" fillId="0" borderId="32" xfId="0" applyNumberFormat="1" applyFont="1" applyBorder="1" applyAlignment="1">
      <alignment horizontal="center" vertical="center" wrapText="1"/>
    </xf>
    <xf numFmtId="49" fontId="2" fillId="0" borderId="33" xfId="0" applyNumberFormat="1" applyFont="1" applyFill="1" applyBorder="1" applyAlignment="1">
      <alignment horizontal="left" vertical="center" wrapText="1"/>
    </xf>
    <xf numFmtId="0" fontId="7" fillId="0" borderId="34" xfId="0" applyNumberFormat="1" applyFont="1" applyBorder="1" applyAlignment="1">
      <alignment horizontal="center" vertical="center" wrapText="1"/>
    </xf>
    <xf numFmtId="49" fontId="2" fillId="0" borderId="10" xfId="0" applyNumberFormat="1" applyFont="1" applyFill="1" applyBorder="1" applyAlignment="1">
      <alignment horizontal="left" vertical="center" wrapText="1"/>
    </xf>
    <xf numFmtId="0" fontId="7" fillId="0" borderId="14" xfId="0" applyNumberFormat="1" applyFont="1" applyBorder="1" applyAlignment="1">
      <alignment horizontal="center" vertical="center" wrapText="1"/>
    </xf>
    <xf numFmtId="49" fontId="2" fillId="0" borderId="37" xfId="0" applyNumberFormat="1" applyFont="1" applyFill="1" applyBorder="1" applyAlignment="1">
      <alignment horizontal="left" vertical="center" wrapText="1"/>
    </xf>
    <xf numFmtId="0" fontId="7" fillId="0" borderId="39"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31" xfId="0" applyFont="1" applyFill="1" applyBorder="1" applyAlignment="1">
      <alignment horizontal="left" vertical="center" wrapText="1"/>
    </xf>
    <xf numFmtId="0" fontId="3" fillId="0" borderId="30" xfId="0" applyFont="1" applyFill="1" applyBorder="1" applyAlignment="1">
      <alignment horizontal="left" vertical="center" wrapText="1"/>
    </xf>
    <xf numFmtId="0" fontId="10" fillId="0" borderId="0" xfId="0" applyFont="1" applyFill="1" applyAlignment="1">
      <alignment vertical="center" wrapText="1"/>
    </xf>
    <xf numFmtId="0" fontId="7" fillId="0" borderId="43" xfId="0" applyNumberFormat="1" applyFont="1" applyBorder="1" applyAlignment="1">
      <alignment horizontal="center" vertical="center" wrapText="1"/>
    </xf>
    <xf numFmtId="0" fontId="10" fillId="0" borderId="0" xfId="0" applyFont="1" applyBorder="1" applyAlignment="1">
      <alignment horizontal="center" vertical="center" wrapText="1"/>
    </xf>
    <xf numFmtId="49" fontId="2" fillId="0" borderId="44" xfId="0" applyNumberFormat="1" applyFont="1" applyFill="1" applyBorder="1" applyAlignment="1">
      <alignment horizontal="center" vertical="center" wrapText="1"/>
    </xf>
    <xf numFmtId="0" fontId="2" fillId="0" borderId="46" xfId="0" applyFont="1" applyFill="1" applyBorder="1" applyAlignment="1">
      <alignment horizontal="left" vertical="center" wrapText="1"/>
    </xf>
    <xf numFmtId="49" fontId="2" fillId="0" borderId="45" xfId="0" applyNumberFormat="1" applyFont="1" applyFill="1" applyBorder="1" applyAlignment="1">
      <alignment horizontal="center" vertical="center" wrapText="1"/>
    </xf>
    <xf numFmtId="0" fontId="2" fillId="0" borderId="47" xfId="0" applyFont="1" applyFill="1" applyBorder="1" applyAlignment="1">
      <alignment horizontal="left" vertical="center" wrapText="1"/>
    </xf>
    <xf numFmtId="0" fontId="4" fillId="0" borderId="32" xfId="0" applyFont="1" applyFill="1" applyBorder="1" applyAlignment="1">
      <alignment horizontal="left" vertical="center" wrapText="1"/>
    </xf>
    <xf numFmtId="3" fontId="13" fillId="0" borderId="14" xfId="0" applyNumberFormat="1" applyFont="1" applyFill="1" applyBorder="1" applyAlignment="1">
      <alignment horizontal="center" vertical="center" wrapText="1"/>
    </xf>
    <xf numFmtId="49" fontId="4" fillId="0" borderId="32" xfId="0" applyNumberFormat="1" applyFont="1" applyBorder="1" applyAlignment="1">
      <alignment horizontal="center" vertical="center" wrapText="1"/>
    </xf>
    <xf numFmtId="0" fontId="4" fillId="0" borderId="56" xfId="0" applyFont="1" applyFill="1" applyBorder="1" applyAlignment="1">
      <alignment horizontal="left" vertical="center" wrapText="1"/>
    </xf>
    <xf numFmtId="49" fontId="4" fillId="0" borderId="57" xfId="0" applyNumberFormat="1" applyFont="1" applyBorder="1" applyAlignment="1">
      <alignment horizontal="center" vertical="center" wrapText="1"/>
    </xf>
    <xf numFmtId="0" fontId="4" fillId="0" borderId="57" xfId="0" applyFont="1" applyFill="1" applyBorder="1" applyAlignment="1">
      <alignment horizontal="left" vertical="center" wrapText="1"/>
    </xf>
    <xf numFmtId="0" fontId="7" fillId="0" borderId="58" xfId="0" applyNumberFormat="1" applyFont="1" applyBorder="1" applyAlignment="1">
      <alignment horizontal="center" vertical="center" wrapText="1"/>
    </xf>
    <xf numFmtId="16" fontId="4" fillId="0" borderId="39" xfId="0" applyNumberFormat="1" applyFont="1" applyBorder="1" applyAlignment="1">
      <alignment horizontal="center" vertical="center" wrapText="1"/>
    </xf>
    <xf numFmtId="0" fontId="4" fillId="0" borderId="39" xfId="0" applyFont="1" applyBorder="1" applyAlignment="1">
      <alignment horizontal="left" vertical="center" wrapText="1"/>
    </xf>
    <xf numFmtId="16" fontId="4" fillId="0" borderId="57" xfId="0" applyNumberFormat="1" applyFont="1" applyBorder="1" applyAlignment="1">
      <alignment horizontal="center" vertical="center" wrapText="1"/>
    </xf>
    <xf numFmtId="0" fontId="4" fillId="0" borderId="57" xfId="0" applyFont="1" applyBorder="1" applyAlignment="1">
      <alignment horizontal="left" vertical="center" wrapText="1"/>
    </xf>
    <xf numFmtId="0" fontId="4" fillId="0" borderId="39" xfId="0" applyFont="1" applyBorder="1" applyAlignment="1">
      <alignment horizontal="center" vertical="center" wrapText="1"/>
    </xf>
    <xf numFmtId="0" fontId="4" fillId="0" borderId="39" xfId="0" applyFont="1" applyBorder="1" applyAlignment="1">
      <alignment horizontal="left" wrapText="1"/>
    </xf>
    <xf numFmtId="16" fontId="4" fillId="0" borderId="56" xfId="0" applyNumberFormat="1" applyFont="1" applyBorder="1" applyAlignment="1">
      <alignment horizontal="center" vertical="center" wrapText="1"/>
    </xf>
    <xf numFmtId="0" fontId="4" fillId="0" borderId="56" xfId="0" applyFont="1" applyBorder="1" applyAlignment="1">
      <alignment horizontal="left" vertical="center" wrapText="1"/>
    </xf>
    <xf numFmtId="16" fontId="4" fillId="0" borderId="46" xfId="0" applyNumberFormat="1" applyFont="1" applyBorder="1" applyAlignment="1">
      <alignment horizontal="center" vertical="center" wrapText="1"/>
    </xf>
    <xf numFmtId="0" fontId="4" fillId="0" borderId="46" xfId="0" applyFont="1" applyBorder="1" applyAlignment="1">
      <alignment horizontal="left" vertical="center" wrapText="1"/>
    </xf>
    <xf numFmtId="0" fontId="4" fillId="0" borderId="32" xfId="0" applyFont="1" applyBorder="1" applyAlignment="1">
      <alignment horizontal="left" vertical="top" wrapText="1"/>
    </xf>
    <xf numFmtId="0" fontId="4" fillId="0" borderId="56" xfId="0" applyFont="1" applyBorder="1" applyAlignment="1">
      <alignment horizontal="left" wrapText="1"/>
    </xf>
    <xf numFmtId="0" fontId="4" fillId="0" borderId="39" xfId="0" applyFont="1" applyBorder="1" applyAlignment="1">
      <alignment horizontal="left" vertical="top" wrapText="1"/>
    </xf>
    <xf numFmtId="0" fontId="2" fillId="0" borderId="14" xfId="0" applyFont="1" applyBorder="1" applyAlignment="1">
      <alignment horizontal="left" vertical="center" wrapText="1"/>
    </xf>
    <xf numFmtId="49" fontId="4" fillId="0" borderId="14" xfId="0" applyNumberFormat="1" applyFont="1" applyFill="1" applyBorder="1" applyAlignment="1">
      <alignment horizontal="left" vertical="center" wrapText="1"/>
    </xf>
    <xf numFmtId="0" fontId="7" fillId="0" borderId="64" xfId="0" applyNumberFormat="1" applyFont="1" applyBorder="1" applyAlignment="1">
      <alignment horizontal="center" vertical="center" wrapText="1"/>
    </xf>
    <xf numFmtId="0" fontId="4" fillId="0" borderId="34" xfId="0" applyFont="1" applyFill="1" applyBorder="1" applyAlignment="1">
      <alignment horizontal="left" vertical="center" wrapText="1"/>
    </xf>
    <xf numFmtId="0" fontId="4" fillId="0" borderId="14"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39"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4" fillId="0" borderId="69" xfId="0" applyFont="1" applyFill="1" applyBorder="1" applyAlignment="1">
      <alignment horizontal="left" vertical="center" wrapText="1"/>
    </xf>
    <xf numFmtId="0" fontId="4" fillId="0" borderId="70" xfId="0" applyFont="1" applyFill="1" applyBorder="1" applyAlignment="1">
      <alignment horizontal="left" vertical="center" wrapText="1"/>
    </xf>
    <xf numFmtId="0" fontId="14" fillId="7" borderId="0" xfId="0" applyFont="1" applyFill="1" applyBorder="1" applyAlignment="1">
      <alignment horizontal="justify" vertical="center" wrapText="1"/>
    </xf>
    <xf numFmtId="0" fontId="4" fillId="7" borderId="14" xfId="0" applyFont="1" applyFill="1" applyBorder="1" applyAlignment="1">
      <alignment horizontal="left" vertical="center" wrapText="1"/>
    </xf>
    <xf numFmtId="49" fontId="2" fillId="0" borderId="10" xfId="0" applyNumberFormat="1" applyFont="1" applyFill="1" applyBorder="1" applyAlignment="1">
      <alignment horizontal="right" vertical="center" wrapText="1"/>
    </xf>
    <xf numFmtId="0" fontId="4" fillId="7" borderId="38" xfId="0" applyFont="1" applyFill="1" applyBorder="1" applyAlignment="1">
      <alignment horizontal="left" vertical="center" wrapText="1"/>
    </xf>
    <xf numFmtId="49" fontId="2" fillId="0" borderId="73" xfId="0" applyNumberFormat="1" applyFont="1" applyFill="1" applyBorder="1" applyAlignment="1">
      <alignment horizontal="left" vertical="center" wrapText="1"/>
    </xf>
    <xf numFmtId="49" fontId="2" fillId="0" borderId="75" xfId="0" applyNumberFormat="1" applyFont="1" applyFill="1" applyBorder="1" applyAlignment="1">
      <alignment horizontal="right" vertical="center" wrapText="1"/>
    </xf>
    <xf numFmtId="49" fontId="2" fillId="0" borderId="9" xfId="0" applyNumberFormat="1" applyFont="1" applyFill="1" applyBorder="1" applyAlignment="1">
      <alignment horizontal="right" vertical="center" wrapText="1"/>
    </xf>
    <xf numFmtId="49" fontId="2" fillId="0" borderId="45" xfId="0" applyNumberFormat="1" applyFont="1" applyFill="1" applyBorder="1" applyAlignment="1">
      <alignment horizontal="right" vertical="center" wrapText="1"/>
    </xf>
    <xf numFmtId="0" fontId="4" fillId="0" borderId="9" xfId="0" applyFont="1" applyBorder="1" applyAlignment="1">
      <alignment horizontal="center" vertical="center" wrapText="1"/>
    </xf>
    <xf numFmtId="16" fontId="4" fillId="0" borderId="76" xfId="0" applyNumberFormat="1" applyFont="1" applyBorder="1" applyAlignment="1">
      <alignment horizontal="center" vertical="center" wrapText="1"/>
    </xf>
    <xf numFmtId="3" fontId="2" fillId="0" borderId="0" xfId="0" applyNumberFormat="1" applyFont="1" applyFill="1" applyAlignment="1">
      <alignment vertical="center" wrapText="1"/>
    </xf>
    <xf numFmtId="0" fontId="9" fillId="0" borderId="39" xfId="0" applyFont="1" applyFill="1" applyBorder="1" applyAlignment="1">
      <alignment horizontal="left" wrapText="1"/>
    </xf>
    <xf numFmtId="49" fontId="5" fillId="5" borderId="12" xfId="0" applyNumberFormat="1" applyFont="1" applyFill="1" applyBorder="1" applyAlignment="1">
      <alignment horizontal="left" vertical="center" wrapText="1"/>
    </xf>
    <xf numFmtId="49" fontId="5" fillId="5" borderId="16" xfId="0" applyNumberFormat="1" applyFont="1" applyFill="1" applyBorder="1" applyAlignment="1">
      <alignment horizontal="left" vertical="center" wrapText="1"/>
    </xf>
    <xf numFmtId="49" fontId="5" fillId="5" borderId="13" xfId="0" applyNumberFormat="1" applyFont="1" applyFill="1" applyBorder="1" applyAlignment="1">
      <alignment horizontal="left" vertical="center" wrapText="1"/>
    </xf>
    <xf numFmtId="49" fontId="2" fillId="0" borderId="37" xfId="0" applyNumberFormat="1" applyFont="1" applyFill="1" applyBorder="1" applyAlignment="1">
      <alignment horizontal="center" vertical="center" wrapText="1"/>
    </xf>
    <xf numFmtId="49" fontId="2" fillId="0" borderId="71" xfId="0" applyNumberFormat="1" applyFont="1" applyFill="1" applyBorder="1" applyAlignment="1">
      <alignment horizontal="center" vertical="center" wrapText="1"/>
    </xf>
    <xf numFmtId="49" fontId="2" fillId="0" borderId="72" xfId="0" applyNumberFormat="1" applyFont="1" applyFill="1" applyBorder="1" applyAlignment="1">
      <alignment horizontal="center" vertical="center" wrapText="1"/>
    </xf>
    <xf numFmtId="0" fontId="2" fillId="0" borderId="55" xfId="0" applyFont="1" applyFill="1" applyBorder="1" applyAlignment="1">
      <alignment horizontal="left" vertical="center" wrapText="1"/>
    </xf>
    <xf numFmtId="0" fontId="2" fillId="0" borderId="54"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47" xfId="0" applyFont="1" applyFill="1" applyBorder="1" applyAlignment="1">
      <alignment horizontal="left" vertical="center" wrapText="1"/>
    </xf>
    <xf numFmtId="0" fontId="2" fillId="0" borderId="74" xfId="0" applyFont="1" applyFill="1" applyBorder="1" applyAlignment="1">
      <alignment horizontal="left" vertical="center" wrapText="1"/>
    </xf>
    <xf numFmtId="0" fontId="3" fillId="6" borderId="3" xfId="0" applyFont="1" applyFill="1" applyBorder="1" applyAlignment="1">
      <alignment horizontal="left" vertical="center" wrapText="1"/>
    </xf>
    <xf numFmtId="0" fontId="2" fillId="6" borderId="3"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0" xfId="0" applyNumberFormat="1" applyFont="1" applyFill="1" applyBorder="1" applyAlignment="1">
      <alignment horizontal="center" vertical="center" wrapText="1"/>
    </xf>
    <xf numFmtId="49" fontId="2" fillId="2" borderId="21" xfId="0" applyNumberFormat="1" applyFont="1" applyFill="1" applyBorder="1" applyAlignment="1">
      <alignment horizontal="center" vertical="center" wrapText="1"/>
    </xf>
    <xf numFmtId="49" fontId="3" fillId="0" borderId="59" xfId="0" applyNumberFormat="1" applyFont="1" applyFill="1" applyBorder="1" applyAlignment="1">
      <alignment horizontal="left" vertical="top" wrapText="1"/>
    </xf>
    <xf numFmtId="49" fontId="3" fillId="0" borderId="60" xfId="0" applyNumberFormat="1" applyFont="1" applyFill="1" applyBorder="1" applyAlignment="1">
      <alignment horizontal="left" vertical="top" wrapText="1"/>
    </xf>
    <xf numFmtId="49" fontId="3" fillId="0" borderId="61" xfId="0" applyNumberFormat="1" applyFont="1" applyFill="1" applyBorder="1" applyAlignment="1">
      <alignment horizontal="left" vertical="top" wrapText="1"/>
    </xf>
    <xf numFmtId="49" fontId="2" fillId="0" borderId="5" xfId="0" applyNumberFormat="1" applyFont="1" applyBorder="1" applyAlignment="1">
      <alignment horizontal="left" vertical="center" wrapText="1"/>
    </xf>
    <xf numFmtId="49" fontId="2" fillId="0" borderId="36" xfId="0" applyNumberFormat="1" applyFont="1" applyBorder="1" applyAlignment="1">
      <alignment horizontal="left" vertical="center" wrapText="1"/>
    </xf>
    <xf numFmtId="49" fontId="2" fillId="0" borderId="40" xfId="0" applyNumberFormat="1" applyFont="1" applyBorder="1" applyAlignment="1">
      <alignment horizontal="left" vertical="center" wrapText="1"/>
    </xf>
    <xf numFmtId="49" fontId="2" fillId="0" borderId="41" xfId="0" applyNumberFormat="1" applyFont="1" applyBorder="1" applyAlignment="1">
      <alignment horizontal="left" vertical="center" wrapText="1"/>
    </xf>
    <xf numFmtId="0" fontId="3" fillId="3" borderId="5" xfId="0" applyFont="1" applyFill="1" applyBorder="1" applyAlignment="1">
      <alignment horizontal="left" wrapText="1"/>
    </xf>
    <xf numFmtId="0" fontId="3" fillId="3" borderId="43" xfId="0" applyFont="1" applyFill="1" applyBorder="1" applyAlignment="1">
      <alignment horizontal="left" wrapText="1"/>
    </xf>
    <xf numFmtId="0" fontId="3" fillId="3" borderId="6" xfId="0" applyFont="1" applyFill="1" applyBorder="1" applyAlignment="1">
      <alignment horizontal="left"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49" fontId="2" fillId="0" borderId="52" xfId="0" applyNumberFormat="1" applyFont="1" applyBorder="1" applyAlignment="1">
      <alignment horizontal="left" vertical="center" wrapText="1"/>
    </xf>
    <xf numFmtId="49" fontId="2" fillId="0" borderId="65" xfId="0" applyNumberFormat="1" applyFont="1" applyBorder="1" applyAlignment="1">
      <alignment horizontal="left" vertical="center" wrapText="1"/>
    </xf>
    <xf numFmtId="49" fontId="2" fillId="0" borderId="67"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66" xfId="0" applyNumberFormat="1" applyFont="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16" fontId="4" fillId="0" borderId="40" xfId="0" applyNumberFormat="1" applyFont="1" applyBorder="1" applyAlignment="1">
      <alignment horizontal="left" vertical="center" wrapText="1"/>
    </xf>
    <xf numFmtId="16" fontId="4" fillId="0" borderId="58"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42" xfId="0" applyNumberFormat="1" applyFont="1" applyBorder="1" applyAlignment="1">
      <alignment horizontal="left" vertical="center" wrapText="1"/>
    </xf>
    <xf numFmtId="0" fontId="4" fillId="0" borderId="52" xfId="0" applyFont="1" applyBorder="1" applyAlignment="1">
      <alignment horizontal="left" vertical="center" wrapText="1"/>
    </xf>
    <xf numFmtId="0" fontId="4" fillId="0" borderId="53" xfId="0" applyFont="1" applyBorder="1" applyAlignment="1">
      <alignment horizontal="left" vertical="center" wrapText="1"/>
    </xf>
    <xf numFmtId="0" fontId="6" fillId="0" borderId="0" xfId="4" applyFont="1" applyAlignment="1">
      <alignment horizontal="left" vertical="center" wrapText="1"/>
    </xf>
    <xf numFmtId="0" fontId="2" fillId="0" borderId="14"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36" xfId="0" applyFont="1" applyFill="1" applyBorder="1" applyAlignment="1">
      <alignment horizontal="center" vertical="center" wrapText="1"/>
    </xf>
    <xf numFmtId="0" fontId="2" fillId="0" borderId="40" xfId="0" applyFont="1" applyFill="1" applyBorder="1" applyAlignment="1">
      <alignment horizontal="center" vertical="center" wrapText="1"/>
    </xf>
    <xf numFmtId="0" fontId="2" fillId="0" borderId="41"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2" fillId="2" borderId="23"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51" xfId="0" applyFont="1" applyFill="1" applyBorder="1" applyAlignment="1">
      <alignment horizontal="left" vertical="center" wrapText="1"/>
    </xf>
    <xf numFmtId="0" fontId="2" fillId="0" borderId="48"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4" borderId="0" xfId="0" applyFont="1" applyFill="1" applyAlignment="1">
      <alignment horizontal="center" vertical="center" wrapText="1"/>
    </xf>
    <xf numFmtId="49" fontId="4" fillId="0" borderId="0" xfId="1" applyNumberFormat="1" applyFont="1" applyFill="1" applyBorder="1" applyAlignment="1">
      <alignment horizontal="left" vertical="top" wrapText="1"/>
    </xf>
    <xf numFmtId="0" fontId="2" fillId="0" borderId="49" xfId="0" applyFont="1" applyFill="1" applyBorder="1" applyAlignment="1">
      <alignment horizontal="left" vertical="center" wrapText="1"/>
    </xf>
    <xf numFmtId="0" fontId="2" fillId="0" borderId="50" xfId="0" applyFont="1" applyFill="1" applyBorder="1" applyAlignment="1">
      <alignment horizontal="left" vertical="center" wrapText="1"/>
    </xf>
    <xf numFmtId="49" fontId="4" fillId="0" borderId="0" xfId="1" applyNumberFormat="1" applyFont="1" applyBorder="1" applyAlignment="1">
      <alignment horizontal="left" vertical="top"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left" wrapText="1"/>
    </xf>
    <xf numFmtId="0" fontId="2" fillId="0" borderId="0" xfId="0" applyFont="1" applyAlignment="1">
      <alignment horizontal="center" vertical="center" wrapText="1"/>
    </xf>
    <xf numFmtId="49" fontId="2" fillId="0" borderId="55" xfId="0" applyNumberFormat="1" applyFont="1" applyBorder="1" applyAlignment="1">
      <alignment horizontal="left" vertical="center" wrapText="1"/>
    </xf>
    <xf numFmtId="49" fontId="2" fillId="0" borderId="54" xfId="0" applyNumberFormat="1" applyFont="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0" xfId="0" applyFont="1" applyAlignment="1">
      <alignment horizontal="left" vertical="top" wrapText="1"/>
    </xf>
    <xf numFmtId="0" fontId="2" fillId="0" borderId="34" xfId="0" applyFont="1" applyFill="1" applyBorder="1" applyAlignment="1">
      <alignment horizontal="left" vertical="center" wrapText="1"/>
    </xf>
    <xf numFmtId="0" fontId="2" fillId="0" borderId="35" xfId="0" applyFont="1" applyFill="1" applyBorder="1" applyAlignment="1">
      <alignment horizontal="left" vertical="center" wrapText="1"/>
    </xf>
    <xf numFmtId="49" fontId="2" fillId="0" borderId="63" xfId="0" applyNumberFormat="1" applyFont="1" applyBorder="1" applyAlignment="1">
      <alignment horizontal="left" vertical="center" wrapText="1"/>
    </xf>
    <xf numFmtId="49" fontId="2" fillId="0" borderId="62" xfId="0" applyNumberFormat="1" applyFont="1" applyBorder="1" applyAlignment="1">
      <alignment horizontal="left" vertical="center" wrapText="1"/>
    </xf>
    <xf numFmtId="49" fontId="2" fillId="0" borderId="57" xfId="0" applyNumberFormat="1" applyFont="1" applyBorder="1" applyAlignment="1">
      <alignment horizontal="left" vertical="center" wrapText="1"/>
    </xf>
    <xf numFmtId="49" fontId="2" fillId="0" borderId="68" xfId="0" applyNumberFormat="1" applyFont="1" applyBorder="1" applyAlignment="1">
      <alignment horizontal="left" vertical="center" wrapText="1"/>
    </xf>
    <xf numFmtId="0" fontId="9" fillId="0" borderId="39" xfId="0" applyFont="1" applyBorder="1" applyAlignment="1">
      <alignment horizontal="left" vertical="center" wrapText="1"/>
    </xf>
    <xf numFmtId="0" fontId="9" fillId="0" borderId="32" xfId="0" applyFont="1" applyBorder="1" applyAlignment="1">
      <alignment horizontal="left" vertical="center" wrapText="1"/>
    </xf>
    <xf numFmtId="0" fontId="9" fillId="0" borderId="46" xfId="0" applyFont="1" applyBorder="1" applyAlignment="1">
      <alignment horizontal="left" vertical="center" wrapText="1"/>
    </xf>
    <xf numFmtId="0" fontId="3" fillId="0" borderId="5" xfId="0" applyFont="1" applyFill="1" applyBorder="1" applyAlignment="1">
      <alignment horizontal="left" wrapText="1"/>
    </xf>
    <xf numFmtId="0" fontId="3" fillId="0" borderId="43" xfId="0" applyFont="1" applyFill="1" applyBorder="1" applyAlignment="1">
      <alignment horizontal="left" wrapText="1"/>
    </xf>
    <xf numFmtId="0" fontId="3" fillId="0" borderId="6" xfId="0" applyFont="1" applyFill="1" applyBorder="1" applyAlignment="1">
      <alignment horizontal="left" wrapText="1"/>
    </xf>
    <xf numFmtId="0" fontId="2" fillId="0" borderId="14" xfId="0" applyFont="1" applyFill="1" applyBorder="1" applyAlignment="1">
      <alignment vertical="center" wrapText="1"/>
    </xf>
    <xf numFmtId="0" fontId="9" fillId="0" borderId="5"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9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3</xdr:row>
          <xdr:rowOff>24765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56</xdr:row>
          <xdr:rowOff>38100</xdr:rowOff>
        </xdr:from>
        <xdr:to>
          <xdr:col>0</xdr:col>
          <xdr:colOff>533400</xdr:colOff>
          <xdr:row>257</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57</xdr:row>
          <xdr:rowOff>0</xdr:rowOff>
        </xdr:from>
        <xdr:to>
          <xdr:col>0</xdr:col>
          <xdr:colOff>523875</xdr:colOff>
          <xdr:row>257</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G1110"/>
  <sheetViews>
    <sheetView showGridLines="0" tabSelected="1" zoomScaleNormal="100" workbookViewId="0">
      <selection activeCell="A2" sqref="A2:E2"/>
    </sheetView>
  </sheetViews>
  <sheetFormatPr defaultColWidth="9.140625" defaultRowHeight="12.75" x14ac:dyDescent="0.2"/>
  <cols>
    <col min="1" max="1" width="12.85546875" style="1" customWidth="1"/>
    <col min="2" max="2" width="64.85546875" style="1" customWidth="1"/>
    <col min="3" max="3" width="16.42578125" style="8" hidden="1"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96" t="s">
        <v>48</v>
      </c>
      <c r="B1" s="196"/>
      <c r="C1" s="196"/>
      <c r="D1" s="196"/>
      <c r="E1" s="196"/>
    </row>
    <row r="2" spans="1:5" ht="27.75" customHeight="1" x14ac:dyDescent="0.2">
      <c r="A2" s="201" t="s">
        <v>46</v>
      </c>
      <c r="B2" s="201"/>
      <c r="C2" s="201"/>
      <c r="D2" s="201"/>
      <c r="E2" s="201"/>
    </row>
    <row r="3" spans="1:5" ht="56.1" customHeight="1" x14ac:dyDescent="0.2">
      <c r="A3" s="205" t="s">
        <v>52</v>
      </c>
      <c r="B3" s="205"/>
      <c r="C3" s="205"/>
      <c r="D3" s="205"/>
      <c r="E3" s="205"/>
    </row>
    <row r="4" spans="1:5" ht="24.95" customHeight="1" x14ac:dyDescent="0.2">
      <c r="A4" s="46" t="s">
        <v>51</v>
      </c>
      <c r="B4" s="52"/>
      <c r="C4" s="40"/>
      <c r="D4" s="40"/>
      <c r="E4" s="40"/>
    </row>
    <row r="5" spans="1:5" ht="24.95" customHeight="1" x14ac:dyDescent="0.2">
      <c r="A5" s="46" t="s">
        <v>49</v>
      </c>
      <c r="B5" s="53"/>
      <c r="C5" s="40"/>
      <c r="D5" s="40"/>
      <c r="E5" s="40"/>
    </row>
    <row r="6" spans="1:5" ht="5.0999999999999996" customHeight="1" x14ac:dyDescent="0.2">
      <c r="A6" s="40"/>
      <c r="B6" s="40"/>
      <c r="C6" s="40"/>
      <c r="D6" s="40"/>
      <c r="E6" s="40"/>
    </row>
    <row r="7" spans="1:5" s="2" customFormat="1" ht="20.100000000000001" customHeight="1" x14ac:dyDescent="0.25">
      <c r="A7" s="191" t="s">
        <v>4</v>
      </c>
      <c r="B7" s="191"/>
      <c r="C7" s="191"/>
      <c r="D7" s="191"/>
      <c r="E7" s="191"/>
    </row>
    <row r="8" spans="1:5" s="2" customFormat="1" ht="20.100000000000001" customHeight="1" x14ac:dyDescent="0.25">
      <c r="A8" s="206" t="s">
        <v>8</v>
      </c>
      <c r="B8" s="206"/>
      <c r="C8" s="206"/>
      <c r="D8" s="206"/>
      <c r="E8" s="206"/>
    </row>
    <row r="9" spans="1:5" ht="24.95" customHeight="1" x14ac:dyDescent="0.2">
      <c r="A9" s="207" t="s">
        <v>759</v>
      </c>
      <c r="B9" s="207"/>
      <c r="C9" s="207"/>
      <c r="D9" s="207"/>
      <c r="E9" s="207"/>
    </row>
    <row r="10" spans="1:5" ht="4.5" customHeight="1" x14ac:dyDescent="0.2">
      <c r="A10" s="42"/>
      <c r="B10" s="42"/>
      <c r="C10" s="42"/>
      <c r="D10" s="42"/>
      <c r="E10" s="42"/>
    </row>
    <row r="11" spans="1:5" s="2" customFormat="1" ht="20.100000000000001" customHeight="1" x14ac:dyDescent="0.25">
      <c r="A11" s="208" t="s">
        <v>9</v>
      </c>
      <c r="B11" s="208"/>
      <c r="C11" s="208"/>
      <c r="D11" s="208"/>
      <c r="E11" s="208"/>
    </row>
    <row r="12" spans="1:5" s="2" customFormat="1" ht="24.95" customHeight="1" x14ac:dyDescent="0.2">
      <c r="A12" s="197" t="s">
        <v>758</v>
      </c>
      <c r="B12" s="197"/>
      <c r="C12" s="197"/>
      <c r="D12" s="16"/>
      <c r="E12" s="16"/>
    </row>
    <row r="13" spans="1:5" s="3" customFormat="1" ht="20.100000000000001" customHeight="1" x14ac:dyDescent="0.25">
      <c r="A13" s="197" t="s">
        <v>23</v>
      </c>
      <c r="B13" s="197"/>
      <c r="C13" s="197"/>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212" t="s">
        <v>58</v>
      </c>
      <c r="B16" s="212"/>
      <c r="C16" s="212"/>
      <c r="D16" s="22"/>
      <c r="E16" s="23"/>
    </row>
    <row r="17" spans="1:5" ht="5.0999999999999996" customHeight="1" x14ac:dyDescent="0.2">
      <c r="A17" s="200"/>
      <c r="B17" s="200"/>
      <c r="C17" s="200"/>
      <c r="E17" s="17"/>
    </row>
    <row r="18" spans="1:5" s="2" customFormat="1" ht="20.100000000000001" customHeight="1" x14ac:dyDescent="0.25">
      <c r="A18" s="191" t="s">
        <v>20</v>
      </c>
      <c r="B18" s="191"/>
      <c r="C18" s="191"/>
      <c r="D18" s="191"/>
      <c r="E18" s="191"/>
    </row>
    <row r="19" spans="1:5" ht="24.95" customHeight="1" x14ac:dyDescent="0.2">
      <c r="A19" s="197" t="s">
        <v>760</v>
      </c>
      <c r="B19" s="197"/>
      <c r="C19" s="197"/>
      <c r="D19" s="197"/>
      <c r="E19" s="197"/>
    </row>
    <row r="20" spans="1:5" ht="5.0999999999999996" customHeight="1" x14ac:dyDescent="0.2">
      <c r="A20" s="200"/>
      <c r="B20" s="200"/>
      <c r="C20" s="200"/>
      <c r="E20" s="17"/>
    </row>
    <row r="21" spans="1:5" s="2" customFormat="1" ht="20.100000000000001" customHeight="1" x14ac:dyDescent="0.25">
      <c r="A21" s="191" t="s">
        <v>21</v>
      </c>
      <c r="B21" s="191"/>
      <c r="C21" s="191"/>
      <c r="D21" s="191"/>
      <c r="E21" s="191"/>
    </row>
    <row r="22" spans="1:5" s="9" customFormat="1" ht="20.100000000000001" customHeight="1" x14ac:dyDescent="0.25">
      <c r="A22" s="209" t="s">
        <v>5</v>
      </c>
      <c r="B22" s="209"/>
      <c r="C22" s="209"/>
      <c r="D22" s="209"/>
      <c r="E22" s="209"/>
    </row>
    <row r="23" spans="1:5" s="9" customFormat="1" ht="20.100000000000001" customHeight="1" x14ac:dyDescent="0.25">
      <c r="A23" s="198" t="s">
        <v>16</v>
      </c>
      <c r="B23" s="199"/>
      <c r="C23" s="15"/>
      <c r="D23" s="15"/>
      <c r="E23" s="15"/>
    </row>
    <row r="24" spans="1:5" s="9" customFormat="1" ht="27.75" customHeight="1" x14ac:dyDescent="0.25">
      <c r="A24" s="14"/>
      <c r="B24" s="14" t="s">
        <v>945</v>
      </c>
      <c r="C24" s="15"/>
      <c r="D24" s="15"/>
      <c r="E24" s="15"/>
    </row>
    <row r="25" spans="1:5" s="9" customFormat="1" ht="20.100000000000001" customHeight="1" x14ac:dyDescent="0.25">
      <c r="A25" s="14"/>
      <c r="B25" s="14" t="s">
        <v>19</v>
      </c>
      <c r="C25" s="15"/>
      <c r="D25" s="15"/>
      <c r="E25" s="15"/>
    </row>
    <row r="26" spans="1:5" s="9" customFormat="1" ht="20.100000000000001" customHeight="1" x14ac:dyDescent="0.25">
      <c r="A26" s="198" t="s">
        <v>17</v>
      </c>
      <c r="B26" s="199"/>
      <c r="C26" s="15"/>
      <c r="D26" s="15"/>
      <c r="E26" s="15"/>
    </row>
    <row r="27" spans="1:5" s="9" customFormat="1" ht="31.5" customHeight="1" x14ac:dyDescent="0.25">
      <c r="A27" s="20" t="s">
        <v>68</v>
      </c>
      <c r="B27" s="210" t="s">
        <v>12</v>
      </c>
      <c r="C27" s="211"/>
      <c r="D27" s="21" t="s">
        <v>11</v>
      </c>
      <c r="E27" s="21" t="s">
        <v>761</v>
      </c>
    </row>
    <row r="28" spans="1:5" s="10" customFormat="1" ht="31.5" customHeight="1" x14ac:dyDescent="0.2">
      <c r="A28" s="151" t="s">
        <v>102</v>
      </c>
      <c r="B28" s="152"/>
      <c r="C28" s="152"/>
      <c r="D28" s="152"/>
      <c r="E28" s="153"/>
    </row>
    <row r="29" spans="1:5" s="9" customFormat="1" ht="24.95" customHeight="1" x14ac:dyDescent="0.25">
      <c r="A29" s="18" t="s">
        <v>69</v>
      </c>
      <c r="B29" s="154" t="s">
        <v>103</v>
      </c>
      <c r="C29" s="155"/>
      <c r="D29" s="19" t="s">
        <v>1</v>
      </c>
      <c r="E29" s="80">
        <v>7400</v>
      </c>
    </row>
    <row r="30" spans="1:5" s="9" customFormat="1" ht="24.95" customHeight="1" x14ac:dyDescent="0.25">
      <c r="A30" s="18" t="s">
        <v>88</v>
      </c>
      <c r="B30" s="154" t="s">
        <v>104</v>
      </c>
      <c r="C30" s="155"/>
      <c r="D30" s="19" t="s">
        <v>1</v>
      </c>
      <c r="E30" s="80">
        <v>300</v>
      </c>
    </row>
    <row r="31" spans="1:5" s="10" customFormat="1" ht="31.5" customHeight="1" x14ac:dyDescent="0.2">
      <c r="A31" s="151" t="s">
        <v>199</v>
      </c>
      <c r="B31" s="152"/>
      <c r="C31" s="152"/>
      <c r="D31" s="152"/>
      <c r="E31" s="153"/>
    </row>
    <row r="32" spans="1:5" s="9" customFormat="1" ht="24.95" customHeight="1" x14ac:dyDescent="0.25">
      <c r="A32" s="18" t="s">
        <v>69</v>
      </c>
      <c r="B32" s="154" t="s">
        <v>275</v>
      </c>
      <c r="C32" s="155"/>
      <c r="D32" s="19" t="s">
        <v>1</v>
      </c>
      <c r="E32" s="80">
        <v>20</v>
      </c>
    </row>
    <row r="33" spans="1:5" s="9" customFormat="1" ht="24.95" customHeight="1" x14ac:dyDescent="0.25">
      <c r="A33" s="18" t="s">
        <v>88</v>
      </c>
      <c r="B33" s="154" t="s">
        <v>276</v>
      </c>
      <c r="C33" s="155"/>
      <c r="D33" s="19" t="s">
        <v>1</v>
      </c>
      <c r="E33" s="80">
        <v>11820</v>
      </c>
    </row>
    <row r="34" spans="1:5" s="9" customFormat="1" ht="24.95" customHeight="1" x14ac:dyDescent="0.25">
      <c r="A34" s="18" t="s">
        <v>89</v>
      </c>
      <c r="B34" s="154" t="s">
        <v>277</v>
      </c>
      <c r="C34" s="155"/>
      <c r="D34" s="19" t="s">
        <v>1</v>
      </c>
      <c r="E34" s="80">
        <v>2600</v>
      </c>
    </row>
    <row r="35" spans="1:5" s="9" customFormat="1" ht="24.95" customHeight="1" x14ac:dyDescent="0.25">
      <c r="A35" s="18" t="s">
        <v>90</v>
      </c>
      <c r="B35" s="154" t="s">
        <v>278</v>
      </c>
      <c r="C35" s="155"/>
      <c r="D35" s="19" t="s">
        <v>1</v>
      </c>
      <c r="E35" s="80">
        <v>800</v>
      </c>
    </row>
    <row r="36" spans="1:5" s="9" customFormat="1" ht="24.95" customHeight="1" x14ac:dyDescent="0.25">
      <c r="A36" s="18" t="s">
        <v>100</v>
      </c>
      <c r="B36" s="154" t="s">
        <v>279</v>
      </c>
      <c r="C36" s="155"/>
      <c r="D36" s="19" t="s">
        <v>1</v>
      </c>
      <c r="E36" s="80">
        <v>4080</v>
      </c>
    </row>
    <row r="37" spans="1:5" s="9" customFormat="1" ht="24.95" customHeight="1" x14ac:dyDescent="0.25">
      <c r="A37" s="18" t="s">
        <v>101</v>
      </c>
      <c r="B37" s="154" t="s">
        <v>280</v>
      </c>
      <c r="C37" s="155"/>
      <c r="D37" s="19" t="s">
        <v>1</v>
      </c>
      <c r="E37" s="80">
        <v>400</v>
      </c>
    </row>
    <row r="38" spans="1:5" s="10" customFormat="1" ht="31.5" customHeight="1" x14ac:dyDescent="0.2">
      <c r="A38" s="151" t="s">
        <v>212</v>
      </c>
      <c r="B38" s="152"/>
      <c r="C38" s="152"/>
      <c r="D38" s="152"/>
      <c r="E38" s="153"/>
    </row>
    <row r="39" spans="1:5" s="9" customFormat="1" ht="24.95" customHeight="1" x14ac:dyDescent="0.25">
      <c r="A39" s="18" t="s">
        <v>69</v>
      </c>
      <c r="B39" s="154" t="s">
        <v>281</v>
      </c>
      <c r="C39" s="155"/>
      <c r="D39" s="19" t="s">
        <v>1</v>
      </c>
      <c r="E39" s="80">
        <v>3640</v>
      </c>
    </row>
    <row r="40" spans="1:5" s="9" customFormat="1" ht="24.95" customHeight="1" x14ac:dyDescent="0.25">
      <c r="A40" s="18" t="s">
        <v>88</v>
      </c>
      <c r="B40" s="154" t="s">
        <v>282</v>
      </c>
      <c r="C40" s="155"/>
      <c r="D40" s="19" t="s">
        <v>1</v>
      </c>
      <c r="E40" s="80">
        <v>6040</v>
      </c>
    </row>
    <row r="41" spans="1:5" s="9" customFormat="1" ht="24.95" customHeight="1" x14ac:dyDescent="0.25">
      <c r="A41" s="18" t="s">
        <v>89</v>
      </c>
      <c r="B41" s="154" t="s">
        <v>283</v>
      </c>
      <c r="C41" s="155"/>
      <c r="D41" s="19" t="s">
        <v>1</v>
      </c>
      <c r="E41" s="80">
        <v>200</v>
      </c>
    </row>
    <row r="42" spans="1:5" s="10" customFormat="1" ht="31.5" customHeight="1" x14ac:dyDescent="0.2">
      <c r="A42" s="151" t="s">
        <v>219</v>
      </c>
      <c r="B42" s="152"/>
      <c r="C42" s="152"/>
      <c r="D42" s="152"/>
      <c r="E42" s="153"/>
    </row>
    <row r="43" spans="1:5" s="9" customFormat="1" ht="24.95" customHeight="1" x14ac:dyDescent="0.25">
      <c r="A43" s="18" t="s">
        <v>69</v>
      </c>
      <c r="B43" s="154" t="s">
        <v>762</v>
      </c>
      <c r="C43" s="155"/>
      <c r="D43" s="19" t="s">
        <v>1</v>
      </c>
      <c r="E43" s="80">
        <v>200</v>
      </c>
    </row>
    <row r="44" spans="1:5" s="9" customFormat="1" ht="24.95" customHeight="1" x14ac:dyDescent="0.25">
      <c r="A44" s="18" t="s">
        <v>88</v>
      </c>
      <c r="B44" s="154" t="s">
        <v>763</v>
      </c>
      <c r="C44" s="155"/>
      <c r="D44" s="19" t="s">
        <v>1</v>
      </c>
      <c r="E44" s="80">
        <v>500</v>
      </c>
    </row>
    <row r="45" spans="1:5" s="10" customFormat="1" ht="31.5" customHeight="1" x14ac:dyDescent="0.2">
      <c r="A45" s="151" t="s">
        <v>224</v>
      </c>
      <c r="B45" s="152"/>
      <c r="C45" s="152"/>
      <c r="D45" s="152"/>
      <c r="E45" s="153"/>
    </row>
    <row r="46" spans="1:5" s="9" customFormat="1" ht="24.95" customHeight="1" x14ac:dyDescent="0.25">
      <c r="A46" s="18" t="s">
        <v>69</v>
      </c>
      <c r="B46" s="154" t="s">
        <v>284</v>
      </c>
      <c r="C46" s="155"/>
      <c r="D46" s="19" t="s">
        <v>1</v>
      </c>
      <c r="E46" s="80">
        <v>100</v>
      </c>
    </row>
    <row r="47" spans="1:5" s="9" customFormat="1" ht="24.95" customHeight="1" x14ac:dyDescent="0.25">
      <c r="A47" s="18" t="s">
        <v>88</v>
      </c>
      <c r="B47" s="154" t="s">
        <v>285</v>
      </c>
      <c r="C47" s="155"/>
      <c r="D47" s="19" t="s">
        <v>1</v>
      </c>
      <c r="E47" s="80">
        <v>1000</v>
      </c>
    </row>
    <row r="48" spans="1:5" s="9" customFormat="1" ht="24.95" customHeight="1" x14ac:dyDescent="0.25">
      <c r="A48" s="18" t="s">
        <v>89</v>
      </c>
      <c r="B48" s="154" t="s">
        <v>286</v>
      </c>
      <c r="C48" s="155"/>
      <c r="D48" s="19" t="s">
        <v>1</v>
      </c>
      <c r="E48" s="80">
        <v>50</v>
      </c>
    </row>
    <row r="49" spans="1:5" s="10" customFormat="1" ht="31.5" customHeight="1" x14ac:dyDescent="0.2">
      <c r="A49" s="151" t="s">
        <v>230</v>
      </c>
      <c r="B49" s="152"/>
      <c r="C49" s="152"/>
      <c r="D49" s="152"/>
      <c r="E49" s="153"/>
    </row>
    <row r="50" spans="1:5" s="9" customFormat="1" ht="24.95" customHeight="1" x14ac:dyDescent="0.25">
      <c r="A50" s="18" t="s">
        <v>69</v>
      </c>
      <c r="B50" s="154" t="s">
        <v>287</v>
      </c>
      <c r="C50" s="155"/>
      <c r="D50" s="19" t="s">
        <v>1</v>
      </c>
      <c r="E50" s="80">
        <v>200</v>
      </c>
    </row>
    <row r="51" spans="1:5" s="9" customFormat="1" ht="24.95" customHeight="1" x14ac:dyDescent="0.25">
      <c r="A51" s="18" t="s">
        <v>88</v>
      </c>
      <c r="B51" s="154" t="s">
        <v>288</v>
      </c>
      <c r="C51" s="155"/>
      <c r="D51" s="19" t="s">
        <v>1</v>
      </c>
      <c r="E51" s="80">
        <v>1600</v>
      </c>
    </row>
    <row r="52" spans="1:5" s="10" customFormat="1" ht="31.5" customHeight="1" x14ac:dyDescent="0.2">
      <c r="A52" s="151" t="s">
        <v>235</v>
      </c>
      <c r="B52" s="152"/>
      <c r="C52" s="152"/>
      <c r="D52" s="152"/>
      <c r="E52" s="153"/>
    </row>
    <row r="53" spans="1:5" s="9" customFormat="1" ht="24.95" customHeight="1" x14ac:dyDescent="0.25">
      <c r="A53" s="18" t="s">
        <v>69</v>
      </c>
      <c r="B53" s="154" t="s">
        <v>289</v>
      </c>
      <c r="C53" s="155"/>
      <c r="D53" s="19" t="s">
        <v>1</v>
      </c>
      <c r="E53" s="80">
        <v>5000</v>
      </c>
    </row>
    <row r="54" spans="1:5" s="10" customFormat="1" ht="31.5" customHeight="1" x14ac:dyDescent="0.2">
      <c r="A54" s="151" t="s">
        <v>238</v>
      </c>
      <c r="B54" s="152"/>
      <c r="C54" s="152"/>
      <c r="D54" s="152"/>
      <c r="E54" s="153"/>
    </row>
    <row r="55" spans="1:5" s="9" customFormat="1" ht="24.95" customHeight="1" x14ac:dyDescent="0.25">
      <c r="A55" s="18" t="s">
        <v>69</v>
      </c>
      <c r="B55" s="154" t="s">
        <v>452</v>
      </c>
      <c r="C55" s="155"/>
      <c r="D55" s="19" t="s">
        <v>1</v>
      </c>
      <c r="E55" s="80">
        <v>200</v>
      </c>
    </row>
    <row r="56" spans="1:5" s="9" customFormat="1" ht="24.95" customHeight="1" x14ac:dyDescent="0.25">
      <c r="A56" s="18" t="s">
        <v>88</v>
      </c>
      <c r="B56" s="154" t="s">
        <v>451</v>
      </c>
      <c r="C56" s="155"/>
      <c r="D56" s="19" t="s">
        <v>1</v>
      </c>
      <c r="E56" s="80">
        <v>1800</v>
      </c>
    </row>
    <row r="57" spans="1:5" s="9" customFormat="1" ht="24.95" customHeight="1" x14ac:dyDescent="0.25">
      <c r="A57" s="18" t="s">
        <v>89</v>
      </c>
      <c r="B57" s="154" t="s">
        <v>290</v>
      </c>
      <c r="C57" s="155"/>
      <c r="D57" s="19" t="s">
        <v>1</v>
      </c>
      <c r="E57" s="80">
        <v>2400</v>
      </c>
    </row>
    <row r="58" spans="1:5" s="10" customFormat="1" ht="31.5" customHeight="1" x14ac:dyDescent="0.2">
      <c r="A58" s="151" t="s">
        <v>243</v>
      </c>
      <c r="B58" s="152"/>
      <c r="C58" s="152"/>
      <c r="D58" s="152"/>
      <c r="E58" s="153"/>
    </row>
    <row r="59" spans="1:5" s="9" customFormat="1" ht="24.95" customHeight="1" x14ac:dyDescent="0.25">
      <c r="A59" s="18" t="s">
        <v>69</v>
      </c>
      <c r="B59" s="154" t="s">
        <v>291</v>
      </c>
      <c r="C59" s="155"/>
      <c r="D59" s="19" t="s">
        <v>1</v>
      </c>
      <c r="E59" s="80">
        <v>1400</v>
      </c>
    </row>
    <row r="60" spans="1:5" s="9" customFormat="1" ht="24.95" customHeight="1" x14ac:dyDescent="0.25">
      <c r="A60" s="18" t="s">
        <v>88</v>
      </c>
      <c r="B60" s="154" t="s">
        <v>292</v>
      </c>
      <c r="C60" s="155"/>
      <c r="D60" s="19" t="s">
        <v>1</v>
      </c>
      <c r="E60" s="80">
        <v>500</v>
      </c>
    </row>
    <row r="61" spans="1:5" s="10" customFormat="1" ht="31.5" customHeight="1" x14ac:dyDescent="0.2">
      <c r="A61" s="151" t="s">
        <v>247</v>
      </c>
      <c r="B61" s="152"/>
      <c r="C61" s="152"/>
      <c r="D61" s="152"/>
      <c r="E61" s="153"/>
    </row>
    <row r="62" spans="1:5" s="9" customFormat="1" ht="24.95" customHeight="1" x14ac:dyDescent="0.25">
      <c r="A62" s="18" t="s">
        <v>69</v>
      </c>
      <c r="B62" s="154" t="s">
        <v>293</v>
      </c>
      <c r="C62" s="155"/>
      <c r="D62" s="19" t="s">
        <v>1</v>
      </c>
      <c r="E62" s="80">
        <v>800</v>
      </c>
    </row>
    <row r="63" spans="1:5" s="10" customFormat="1" ht="31.5" customHeight="1" x14ac:dyDescent="0.2">
      <c r="A63" s="151" t="s">
        <v>250</v>
      </c>
      <c r="B63" s="152"/>
      <c r="C63" s="152"/>
      <c r="D63" s="152"/>
      <c r="E63" s="153"/>
    </row>
    <row r="64" spans="1:5" s="9" customFormat="1" ht="24.95" customHeight="1" x14ac:dyDescent="0.25">
      <c r="A64" s="18" t="s">
        <v>69</v>
      </c>
      <c r="B64" s="154" t="s">
        <v>294</v>
      </c>
      <c r="C64" s="155"/>
      <c r="D64" s="19" t="s">
        <v>1</v>
      </c>
      <c r="E64" s="80">
        <v>300</v>
      </c>
    </row>
    <row r="65" spans="1:5" s="10" customFormat="1" ht="31.5" customHeight="1" x14ac:dyDescent="0.2">
      <c r="A65" s="151" t="s">
        <v>253</v>
      </c>
      <c r="B65" s="152"/>
      <c r="C65" s="152"/>
      <c r="D65" s="152"/>
      <c r="E65" s="153"/>
    </row>
    <row r="66" spans="1:5" s="9" customFormat="1" ht="24.95" customHeight="1" x14ac:dyDescent="0.25">
      <c r="A66" s="18" t="s">
        <v>69</v>
      </c>
      <c r="B66" s="154" t="s">
        <v>295</v>
      </c>
      <c r="C66" s="155"/>
      <c r="D66" s="19" t="s">
        <v>1</v>
      </c>
      <c r="E66" s="80">
        <v>140</v>
      </c>
    </row>
    <row r="67" spans="1:5" s="10" customFormat="1" ht="31.5" customHeight="1" x14ac:dyDescent="0.2">
      <c r="A67" s="151" t="s">
        <v>258</v>
      </c>
      <c r="B67" s="152"/>
      <c r="C67" s="152"/>
      <c r="D67" s="152"/>
      <c r="E67" s="153"/>
    </row>
    <row r="68" spans="1:5" s="9" customFormat="1" ht="24.95" customHeight="1" x14ac:dyDescent="0.25">
      <c r="A68" s="18" t="s">
        <v>69</v>
      </c>
      <c r="B68" s="154" t="s">
        <v>296</v>
      </c>
      <c r="C68" s="155"/>
      <c r="D68" s="19" t="s">
        <v>1</v>
      </c>
      <c r="E68" s="80">
        <v>720</v>
      </c>
    </row>
    <row r="69" spans="1:5" s="10" customFormat="1" ht="31.5" customHeight="1" x14ac:dyDescent="0.2">
      <c r="A69" s="151" t="s">
        <v>261</v>
      </c>
      <c r="B69" s="152"/>
      <c r="C69" s="152"/>
      <c r="D69" s="152"/>
      <c r="E69" s="153"/>
    </row>
    <row r="70" spans="1:5" s="9" customFormat="1" ht="24.95" customHeight="1" x14ac:dyDescent="0.25">
      <c r="A70" s="18" t="s">
        <v>69</v>
      </c>
      <c r="B70" s="154" t="s">
        <v>264</v>
      </c>
      <c r="C70" s="155"/>
      <c r="D70" s="19" t="s">
        <v>1</v>
      </c>
      <c r="E70" s="80">
        <v>130</v>
      </c>
    </row>
    <row r="71" spans="1:5" s="9" customFormat="1" ht="24.95" customHeight="1" x14ac:dyDescent="0.25">
      <c r="A71" s="18" t="s">
        <v>88</v>
      </c>
      <c r="B71" s="154" t="s">
        <v>297</v>
      </c>
      <c r="C71" s="155"/>
      <c r="D71" s="19" t="s">
        <v>1</v>
      </c>
      <c r="E71" s="80">
        <v>130</v>
      </c>
    </row>
    <row r="72" spans="1:5" s="10" customFormat="1" ht="31.5" customHeight="1" x14ac:dyDescent="0.2">
      <c r="A72" s="151" t="s">
        <v>267</v>
      </c>
      <c r="B72" s="152"/>
      <c r="C72" s="152"/>
      <c r="D72" s="152"/>
      <c r="E72" s="153"/>
    </row>
    <row r="73" spans="1:5" s="9" customFormat="1" ht="24.95" customHeight="1" x14ac:dyDescent="0.25">
      <c r="A73" s="18" t="s">
        <v>69</v>
      </c>
      <c r="B73" s="154" t="s">
        <v>298</v>
      </c>
      <c r="C73" s="155"/>
      <c r="D73" s="19" t="s">
        <v>1</v>
      </c>
      <c r="E73" s="80">
        <v>20</v>
      </c>
    </row>
    <row r="74" spans="1:5" s="9" customFormat="1" ht="24.95" customHeight="1" x14ac:dyDescent="0.25">
      <c r="A74" s="18" t="s">
        <v>88</v>
      </c>
      <c r="B74" s="154" t="s">
        <v>299</v>
      </c>
      <c r="C74" s="155"/>
      <c r="D74" s="19" t="s">
        <v>1</v>
      </c>
      <c r="E74" s="80">
        <v>20</v>
      </c>
    </row>
    <row r="75" spans="1:5" s="10" customFormat="1" ht="31.5" customHeight="1" x14ac:dyDescent="0.2">
      <c r="A75" s="151" t="s">
        <v>269</v>
      </c>
      <c r="B75" s="152"/>
      <c r="C75" s="152"/>
      <c r="D75" s="152"/>
      <c r="E75" s="153"/>
    </row>
    <row r="76" spans="1:5" s="9" customFormat="1" ht="24.95" customHeight="1" x14ac:dyDescent="0.25">
      <c r="A76" s="18" t="s">
        <v>69</v>
      </c>
      <c r="B76" s="154" t="s">
        <v>300</v>
      </c>
      <c r="C76" s="155"/>
      <c r="D76" s="19" t="s">
        <v>1</v>
      </c>
      <c r="E76" s="80">
        <v>20</v>
      </c>
    </row>
    <row r="77" spans="1:5" s="10" customFormat="1" ht="31.5" customHeight="1" x14ac:dyDescent="0.2">
      <c r="A77" s="151" t="s">
        <v>272</v>
      </c>
      <c r="B77" s="152"/>
      <c r="C77" s="152"/>
      <c r="D77" s="152"/>
      <c r="E77" s="153"/>
    </row>
    <row r="78" spans="1:5" s="9" customFormat="1" ht="24.95" customHeight="1" x14ac:dyDescent="0.25">
      <c r="A78" s="18" t="s">
        <v>69</v>
      </c>
      <c r="B78" s="154" t="s">
        <v>301</v>
      </c>
      <c r="C78" s="155"/>
      <c r="D78" s="19" t="s">
        <v>1</v>
      </c>
      <c r="E78" s="80">
        <v>500</v>
      </c>
    </row>
    <row r="79" spans="1:5" s="10" customFormat="1" ht="31.5" customHeight="1" x14ac:dyDescent="0.2">
      <c r="A79" s="151" t="s">
        <v>304</v>
      </c>
      <c r="B79" s="152"/>
      <c r="C79" s="152"/>
      <c r="D79" s="152"/>
      <c r="E79" s="153"/>
    </row>
    <row r="80" spans="1:5" s="9" customFormat="1" ht="24.95" customHeight="1" x14ac:dyDescent="0.25">
      <c r="A80" s="18" t="s">
        <v>69</v>
      </c>
      <c r="B80" s="154" t="s">
        <v>307</v>
      </c>
      <c r="C80" s="155"/>
      <c r="D80" s="19" t="s">
        <v>1</v>
      </c>
      <c r="E80" s="80">
        <v>240</v>
      </c>
    </row>
    <row r="81" spans="1:5" s="9" customFormat="1" ht="24.95" customHeight="1" x14ac:dyDescent="0.25">
      <c r="A81" s="18" t="s">
        <v>88</v>
      </c>
      <c r="B81" s="154" t="s">
        <v>308</v>
      </c>
      <c r="C81" s="155"/>
      <c r="D81" s="19" t="s">
        <v>1</v>
      </c>
      <c r="E81" s="80">
        <v>240</v>
      </c>
    </row>
    <row r="82" spans="1:5" s="10" customFormat="1" ht="31.5" customHeight="1" x14ac:dyDescent="0.2">
      <c r="A82" s="151" t="s">
        <v>310</v>
      </c>
      <c r="B82" s="152"/>
      <c r="C82" s="152"/>
      <c r="D82" s="152"/>
      <c r="E82" s="153"/>
    </row>
    <row r="83" spans="1:5" s="9" customFormat="1" ht="24.95" customHeight="1" x14ac:dyDescent="0.25">
      <c r="A83" s="18" t="s">
        <v>69</v>
      </c>
      <c r="B83" s="154" t="s">
        <v>309</v>
      </c>
      <c r="C83" s="155"/>
      <c r="D83" s="19" t="s">
        <v>1</v>
      </c>
      <c r="E83" s="80">
        <v>548</v>
      </c>
    </row>
    <row r="84" spans="1:5" s="10" customFormat="1" ht="31.5" customHeight="1" x14ac:dyDescent="0.2">
      <c r="A84" s="151" t="s">
        <v>313</v>
      </c>
      <c r="B84" s="152"/>
      <c r="C84" s="152"/>
      <c r="D84" s="152"/>
      <c r="E84" s="153"/>
    </row>
    <row r="85" spans="1:5" s="9" customFormat="1" ht="24.95" customHeight="1" x14ac:dyDescent="0.25">
      <c r="A85" s="18" t="s">
        <v>69</v>
      </c>
      <c r="B85" s="154" t="s">
        <v>316</v>
      </c>
      <c r="C85" s="155"/>
      <c r="D85" s="19" t="s">
        <v>1</v>
      </c>
      <c r="E85" s="80">
        <v>12</v>
      </c>
    </row>
    <row r="86" spans="1:5" s="10" customFormat="1" ht="31.5" customHeight="1" x14ac:dyDescent="0.2">
      <c r="A86" s="151" t="s">
        <v>318</v>
      </c>
      <c r="B86" s="152"/>
      <c r="C86" s="152"/>
      <c r="D86" s="152"/>
      <c r="E86" s="153"/>
    </row>
    <row r="87" spans="1:5" s="9" customFormat="1" ht="24.95" customHeight="1" x14ac:dyDescent="0.25">
      <c r="A87" s="18" t="s">
        <v>69</v>
      </c>
      <c r="B87" s="154" t="s">
        <v>317</v>
      </c>
      <c r="C87" s="155"/>
      <c r="D87" s="19" t="s">
        <v>1</v>
      </c>
      <c r="E87" s="80">
        <v>240</v>
      </c>
    </row>
    <row r="88" spans="1:5" s="10" customFormat="1" ht="31.5" customHeight="1" x14ac:dyDescent="0.2">
      <c r="A88" s="151" t="s">
        <v>321</v>
      </c>
      <c r="B88" s="152"/>
      <c r="C88" s="152"/>
      <c r="D88" s="152"/>
      <c r="E88" s="153"/>
    </row>
    <row r="89" spans="1:5" s="9" customFormat="1" ht="24.95" customHeight="1" x14ac:dyDescent="0.25">
      <c r="A89" s="18" t="s">
        <v>69</v>
      </c>
      <c r="B89" s="154" t="s">
        <v>324</v>
      </c>
      <c r="C89" s="155"/>
      <c r="D89" s="19" t="s">
        <v>1</v>
      </c>
      <c r="E89" s="80">
        <v>40</v>
      </c>
    </row>
    <row r="90" spans="1:5" s="10" customFormat="1" ht="31.5" customHeight="1" x14ac:dyDescent="0.2">
      <c r="A90" s="151" t="s">
        <v>325</v>
      </c>
      <c r="B90" s="152"/>
      <c r="C90" s="152"/>
      <c r="D90" s="152"/>
      <c r="E90" s="153"/>
    </row>
    <row r="91" spans="1:5" s="9" customFormat="1" ht="24.95" customHeight="1" x14ac:dyDescent="0.25">
      <c r="A91" s="18" t="s">
        <v>69</v>
      </c>
      <c r="B91" s="154" t="s">
        <v>326</v>
      </c>
      <c r="C91" s="155"/>
      <c r="D91" s="19" t="s">
        <v>1</v>
      </c>
      <c r="E91" s="80">
        <v>52</v>
      </c>
    </row>
    <row r="92" spans="1:5" s="10" customFormat="1" ht="31.5" customHeight="1" x14ac:dyDescent="0.2">
      <c r="A92" s="151" t="s">
        <v>329</v>
      </c>
      <c r="B92" s="152"/>
      <c r="C92" s="152"/>
      <c r="D92" s="152"/>
      <c r="E92" s="153"/>
    </row>
    <row r="93" spans="1:5" s="9" customFormat="1" ht="24.95" customHeight="1" x14ac:dyDescent="0.25">
      <c r="A93" s="18" t="s">
        <v>69</v>
      </c>
      <c r="B93" s="154" t="s">
        <v>332</v>
      </c>
      <c r="C93" s="155"/>
      <c r="D93" s="19" t="s">
        <v>1</v>
      </c>
      <c r="E93" s="80">
        <v>600</v>
      </c>
    </row>
    <row r="94" spans="1:5" s="10" customFormat="1" ht="31.5" customHeight="1" x14ac:dyDescent="0.2">
      <c r="A94" s="151" t="s">
        <v>333</v>
      </c>
      <c r="B94" s="152"/>
      <c r="C94" s="152"/>
      <c r="D94" s="152"/>
      <c r="E94" s="153"/>
    </row>
    <row r="95" spans="1:5" s="9" customFormat="1" ht="24.95" customHeight="1" x14ac:dyDescent="0.25">
      <c r="A95" s="18" t="s">
        <v>69</v>
      </c>
      <c r="B95" s="154" t="s">
        <v>334</v>
      </c>
      <c r="C95" s="155"/>
      <c r="D95" s="19" t="s">
        <v>1</v>
      </c>
      <c r="E95" s="80">
        <v>120</v>
      </c>
    </row>
    <row r="96" spans="1:5" s="10" customFormat="1" ht="31.5" customHeight="1" x14ac:dyDescent="0.2">
      <c r="A96" s="151" t="s">
        <v>341</v>
      </c>
      <c r="B96" s="152"/>
      <c r="C96" s="152"/>
      <c r="D96" s="152"/>
      <c r="E96" s="153"/>
    </row>
    <row r="97" spans="1:5" s="9" customFormat="1" ht="24.95" customHeight="1" x14ac:dyDescent="0.25">
      <c r="A97" s="18" t="s">
        <v>69</v>
      </c>
      <c r="B97" s="162" t="s">
        <v>342</v>
      </c>
      <c r="C97" s="163"/>
      <c r="D97" s="19" t="s">
        <v>1</v>
      </c>
      <c r="E97" s="80">
        <v>30</v>
      </c>
    </row>
    <row r="98" spans="1:5" s="9" customFormat="1" ht="24.95" customHeight="1" x14ac:dyDescent="0.25">
      <c r="A98" s="18" t="s">
        <v>88</v>
      </c>
      <c r="B98" s="162" t="s">
        <v>343</v>
      </c>
      <c r="C98" s="163"/>
      <c r="D98" s="19" t="s">
        <v>1</v>
      </c>
      <c r="E98" s="80">
        <v>30</v>
      </c>
    </row>
    <row r="99" spans="1:5" s="10" customFormat="1" ht="31.5" customHeight="1" x14ac:dyDescent="0.2">
      <c r="A99" s="151" t="s">
        <v>345</v>
      </c>
      <c r="B99" s="152"/>
      <c r="C99" s="152"/>
      <c r="D99" s="152"/>
      <c r="E99" s="153"/>
    </row>
    <row r="100" spans="1:5" s="9" customFormat="1" ht="24.95" customHeight="1" x14ac:dyDescent="0.25">
      <c r="A100" s="18" t="s">
        <v>69</v>
      </c>
      <c r="B100" s="154" t="s">
        <v>344</v>
      </c>
      <c r="C100" s="155"/>
      <c r="D100" s="19" t="s">
        <v>1</v>
      </c>
      <c r="E100" s="80">
        <v>120</v>
      </c>
    </row>
    <row r="101" spans="1:5" s="10" customFormat="1" ht="31.5" customHeight="1" x14ac:dyDescent="0.2">
      <c r="A101" s="151" t="s">
        <v>348</v>
      </c>
      <c r="B101" s="152"/>
      <c r="C101" s="152"/>
      <c r="D101" s="152"/>
      <c r="E101" s="153"/>
    </row>
    <row r="102" spans="1:5" s="9" customFormat="1" ht="24.95" customHeight="1" x14ac:dyDescent="0.25">
      <c r="A102" s="18" t="s">
        <v>69</v>
      </c>
      <c r="B102" s="154" t="s">
        <v>351</v>
      </c>
      <c r="C102" s="155"/>
      <c r="D102" s="19" t="s">
        <v>1</v>
      </c>
      <c r="E102" s="80">
        <v>100</v>
      </c>
    </row>
    <row r="103" spans="1:5" s="10" customFormat="1" ht="31.5" customHeight="1" x14ac:dyDescent="0.2">
      <c r="A103" s="151" t="s">
        <v>352</v>
      </c>
      <c r="B103" s="152"/>
      <c r="C103" s="152"/>
      <c r="D103" s="152"/>
      <c r="E103" s="153"/>
    </row>
    <row r="104" spans="1:5" s="9" customFormat="1" ht="24.95" customHeight="1" x14ac:dyDescent="0.25">
      <c r="A104" s="18" t="s">
        <v>69</v>
      </c>
      <c r="B104" s="154" t="s">
        <v>353</v>
      </c>
      <c r="C104" s="155"/>
      <c r="D104" s="19" t="s">
        <v>1</v>
      </c>
      <c r="E104" s="80">
        <v>500</v>
      </c>
    </row>
    <row r="105" spans="1:5" s="10" customFormat="1" ht="31.5" customHeight="1" x14ac:dyDescent="0.2">
      <c r="A105" s="151" t="s">
        <v>355</v>
      </c>
      <c r="B105" s="152"/>
      <c r="C105" s="152"/>
      <c r="D105" s="152"/>
      <c r="E105" s="153"/>
    </row>
    <row r="106" spans="1:5" s="9" customFormat="1" ht="24.95" customHeight="1" x14ac:dyDescent="0.25">
      <c r="A106" s="18" t="s">
        <v>69</v>
      </c>
      <c r="B106" s="154" t="s">
        <v>364</v>
      </c>
      <c r="C106" s="155"/>
      <c r="D106" s="19" t="s">
        <v>1</v>
      </c>
      <c r="E106" s="80">
        <v>2000</v>
      </c>
    </row>
    <row r="107" spans="1:5" s="10" customFormat="1" ht="31.5" customHeight="1" x14ac:dyDescent="0.2">
      <c r="A107" s="151" t="s">
        <v>366</v>
      </c>
      <c r="B107" s="152"/>
      <c r="C107" s="152"/>
      <c r="D107" s="152"/>
      <c r="E107" s="153"/>
    </row>
    <row r="108" spans="1:5" s="9" customFormat="1" ht="24.95" customHeight="1" x14ac:dyDescent="0.25">
      <c r="A108" s="18" t="s">
        <v>69</v>
      </c>
      <c r="B108" s="154" t="s">
        <v>365</v>
      </c>
      <c r="C108" s="155"/>
      <c r="D108" s="19" t="s">
        <v>1</v>
      </c>
      <c r="E108" s="80">
        <v>100</v>
      </c>
    </row>
    <row r="109" spans="1:5" s="10" customFormat="1" ht="31.5" customHeight="1" x14ac:dyDescent="0.2">
      <c r="A109" s="151" t="s">
        <v>373</v>
      </c>
      <c r="B109" s="152"/>
      <c r="C109" s="152"/>
      <c r="D109" s="152"/>
      <c r="E109" s="153"/>
    </row>
    <row r="110" spans="1:5" s="9" customFormat="1" ht="24.95" customHeight="1" x14ac:dyDescent="0.25">
      <c r="A110" s="18" t="s">
        <v>69</v>
      </c>
      <c r="B110" s="154" t="s">
        <v>390</v>
      </c>
      <c r="C110" s="155"/>
      <c r="D110" s="19" t="s">
        <v>1</v>
      </c>
      <c r="E110" s="80">
        <v>100</v>
      </c>
    </row>
    <row r="111" spans="1:5" s="9" customFormat="1" ht="24.95" customHeight="1" x14ac:dyDescent="0.25">
      <c r="A111" s="18" t="s">
        <v>88</v>
      </c>
      <c r="B111" s="154" t="s">
        <v>391</v>
      </c>
      <c r="C111" s="155"/>
      <c r="D111" s="19" t="s">
        <v>1</v>
      </c>
      <c r="E111" s="80">
        <v>40</v>
      </c>
    </row>
    <row r="112" spans="1:5" s="9" customFormat="1" ht="24.95" customHeight="1" x14ac:dyDescent="0.25">
      <c r="A112" s="18" t="s">
        <v>89</v>
      </c>
      <c r="B112" s="154" t="s">
        <v>392</v>
      </c>
      <c r="C112" s="155"/>
      <c r="D112" s="19" t="s">
        <v>1</v>
      </c>
      <c r="E112" s="80">
        <v>60</v>
      </c>
    </row>
    <row r="113" spans="1:7" s="9" customFormat="1" ht="24.95" customHeight="1" x14ac:dyDescent="0.25">
      <c r="A113" s="18" t="s">
        <v>90</v>
      </c>
      <c r="B113" s="154" t="s">
        <v>393</v>
      </c>
      <c r="C113" s="155"/>
      <c r="D113" s="19" t="s">
        <v>1</v>
      </c>
      <c r="E113" s="80">
        <v>16</v>
      </c>
    </row>
    <row r="114" spans="1:7" s="9" customFormat="1" ht="24.95" customHeight="1" x14ac:dyDescent="0.25">
      <c r="A114" s="18" t="s">
        <v>100</v>
      </c>
      <c r="B114" s="154" t="s">
        <v>450</v>
      </c>
      <c r="C114" s="155"/>
      <c r="D114" s="19" t="s">
        <v>1</v>
      </c>
      <c r="E114" s="80">
        <v>16</v>
      </c>
    </row>
    <row r="115" spans="1:7" s="10" customFormat="1" ht="31.5" customHeight="1" x14ac:dyDescent="0.2">
      <c r="A115" s="151" t="s">
        <v>394</v>
      </c>
      <c r="B115" s="152"/>
      <c r="C115" s="152"/>
      <c r="D115" s="152"/>
      <c r="E115" s="153"/>
    </row>
    <row r="116" spans="1:7" s="9" customFormat="1" ht="24.95" customHeight="1" x14ac:dyDescent="0.25">
      <c r="A116" s="18" t="s">
        <v>69</v>
      </c>
      <c r="B116" s="154" t="s">
        <v>395</v>
      </c>
      <c r="C116" s="155"/>
      <c r="D116" s="19" t="s">
        <v>1</v>
      </c>
      <c r="E116" s="80">
        <v>480</v>
      </c>
    </row>
    <row r="117" spans="1:7" s="9" customFormat="1" ht="24.95" customHeight="1" x14ac:dyDescent="0.25">
      <c r="A117" s="18" t="s">
        <v>88</v>
      </c>
      <c r="B117" s="154" t="s">
        <v>396</v>
      </c>
      <c r="C117" s="155"/>
      <c r="D117" s="19" t="s">
        <v>1</v>
      </c>
      <c r="E117" s="80">
        <v>100</v>
      </c>
    </row>
    <row r="118" spans="1:7" s="9" customFormat="1" ht="24.95" customHeight="1" x14ac:dyDescent="0.25">
      <c r="A118" s="18" t="s">
        <v>89</v>
      </c>
      <c r="B118" s="154" t="s">
        <v>397</v>
      </c>
      <c r="C118" s="155"/>
      <c r="D118" s="19" t="s">
        <v>1</v>
      </c>
      <c r="E118" s="80">
        <v>100</v>
      </c>
    </row>
    <row r="119" spans="1:7" s="9" customFormat="1" ht="24.95" customHeight="1" x14ac:dyDescent="0.25">
      <c r="A119" s="18" t="s">
        <v>90</v>
      </c>
      <c r="B119" s="154" t="s">
        <v>398</v>
      </c>
      <c r="C119" s="155"/>
      <c r="D119" s="19" t="s">
        <v>1</v>
      </c>
      <c r="E119" s="80">
        <v>100</v>
      </c>
      <c r="G119" s="119"/>
    </row>
    <row r="120" spans="1:7" s="9" customFormat="1" ht="24.95" customHeight="1" x14ac:dyDescent="0.25">
      <c r="A120" s="18" t="s">
        <v>100</v>
      </c>
      <c r="B120" s="154" t="s">
        <v>399</v>
      </c>
      <c r="C120" s="155"/>
      <c r="D120" s="19" t="s">
        <v>1</v>
      </c>
      <c r="E120" s="80">
        <v>20</v>
      </c>
    </row>
    <row r="121" spans="1:7" s="10" customFormat="1" ht="31.5" customHeight="1" x14ac:dyDescent="0.2">
      <c r="A121" s="151" t="s">
        <v>425</v>
      </c>
      <c r="B121" s="152"/>
      <c r="C121" s="152"/>
      <c r="D121" s="152"/>
      <c r="E121" s="153"/>
    </row>
    <row r="122" spans="1:7" s="9" customFormat="1" ht="24.95" customHeight="1" x14ac:dyDescent="0.25">
      <c r="A122" s="18" t="s">
        <v>69</v>
      </c>
      <c r="B122" s="154" t="s">
        <v>426</v>
      </c>
      <c r="C122" s="155"/>
      <c r="D122" s="19" t="s">
        <v>1</v>
      </c>
      <c r="E122" s="80">
        <v>48</v>
      </c>
    </row>
    <row r="123" spans="1:7" s="9" customFormat="1" ht="24.95" customHeight="1" x14ac:dyDescent="0.25">
      <c r="A123" s="18" t="s">
        <v>88</v>
      </c>
      <c r="B123" s="154" t="s">
        <v>427</v>
      </c>
      <c r="C123" s="155"/>
      <c r="D123" s="19" t="s">
        <v>1</v>
      </c>
      <c r="E123" s="80">
        <v>24</v>
      </c>
    </row>
    <row r="124" spans="1:7" s="10" customFormat="1" ht="31.5" customHeight="1" x14ac:dyDescent="0.2">
      <c r="A124" s="151" t="s">
        <v>435</v>
      </c>
      <c r="B124" s="152"/>
      <c r="C124" s="152"/>
      <c r="D124" s="152"/>
      <c r="E124" s="153"/>
    </row>
    <row r="125" spans="1:7" s="9" customFormat="1" ht="24.95" customHeight="1" x14ac:dyDescent="0.25">
      <c r="A125" s="18" t="s">
        <v>69</v>
      </c>
      <c r="B125" s="154" t="s">
        <v>436</v>
      </c>
      <c r="C125" s="155"/>
      <c r="D125" s="19" t="s">
        <v>1</v>
      </c>
      <c r="E125" s="80">
        <v>12</v>
      </c>
    </row>
    <row r="126" spans="1:7" s="9" customFormat="1" ht="24.95" customHeight="1" x14ac:dyDescent="0.25">
      <c r="A126" s="18" t="s">
        <v>88</v>
      </c>
      <c r="B126" s="154" t="s">
        <v>437</v>
      </c>
      <c r="C126" s="155"/>
      <c r="D126" s="19" t="s">
        <v>1</v>
      </c>
      <c r="E126" s="80">
        <v>12</v>
      </c>
    </row>
    <row r="127" spans="1:7" s="10" customFormat="1" ht="31.5" customHeight="1" x14ac:dyDescent="0.2">
      <c r="A127" s="151" t="s">
        <v>438</v>
      </c>
      <c r="B127" s="152"/>
      <c r="C127" s="152"/>
      <c r="D127" s="152"/>
      <c r="E127" s="153"/>
    </row>
    <row r="128" spans="1:7" s="9" customFormat="1" ht="24.95" customHeight="1" x14ac:dyDescent="0.25">
      <c r="A128" s="18" t="s">
        <v>69</v>
      </c>
      <c r="B128" s="154" t="s">
        <v>439</v>
      </c>
      <c r="C128" s="155"/>
      <c r="D128" s="19" t="s">
        <v>1</v>
      </c>
      <c r="E128" s="80">
        <v>20</v>
      </c>
    </row>
    <row r="129" spans="1:5" s="9" customFormat="1" ht="24.95" customHeight="1" x14ac:dyDescent="0.25">
      <c r="A129" s="18" t="s">
        <v>88</v>
      </c>
      <c r="B129" s="154" t="s">
        <v>440</v>
      </c>
      <c r="C129" s="155"/>
      <c r="D129" s="19" t="s">
        <v>1</v>
      </c>
      <c r="E129" s="80">
        <v>20</v>
      </c>
    </row>
    <row r="130" spans="1:5" s="10" customFormat="1" ht="31.5" customHeight="1" x14ac:dyDescent="0.2">
      <c r="A130" s="151" t="s">
        <v>443</v>
      </c>
      <c r="B130" s="152"/>
      <c r="C130" s="152"/>
      <c r="D130" s="152"/>
      <c r="E130" s="153"/>
    </row>
    <row r="131" spans="1:5" s="9" customFormat="1" ht="24.95" customHeight="1" x14ac:dyDescent="0.25">
      <c r="A131" s="18" t="s">
        <v>69</v>
      </c>
      <c r="B131" s="154" t="s">
        <v>449</v>
      </c>
      <c r="C131" s="155"/>
      <c r="D131" s="19" t="s">
        <v>1</v>
      </c>
      <c r="E131" s="80">
        <v>120</v>
      </c>
    </row>
    <row r="132" spans="1:5" s="9" customFormat="1" ht="24.95" customHeight="1" x14ac:dyDescent="0.25">
      <c r="A132" s="18" t="s">
        <v>88</v>
      </c>
      <c r="B132" s="154" t="s">
        <v>764</v>
      </c>
      <c r="C132" s="155"/>
      <c r="D132" s="19" t="s">
        <v>1</v>
      </c>
      <c r="E132" s="80">
        <v>120</v>
      </c>
    </row>
    <row r="133" spans="1:5" s="10" customFormat="1" ht="31.5" customHeight="1" x14ac:dyDescent="0.2">
      <c r="A133" s="151" t="s">
        <v>453</v>
      </c>
      <c r="B133" s="152"/>
      <c r="C133" s="152"/>
      <c r="D133" s="152"/>
      <c r="E133" s="153"/>
    </row>
    <row r="134" spans="1:5" s="9" customFormat="1" ht="24.95" customHeight="1" x14ac:dyDescent="0.25">
      <c r="A134" s="18" t="s">
        <v>69</v>
      </c>
      <c r="B134" s="154" t="s">
        <v>454</v>
      </c>
      <c r="C134" s="155"/>
      <c r="D134" s="19" t="s">
        <v>1</v>
      </c>
      <c r="E134" s="80">
        <v>600</v>
      </c>
    </row>
    <row r="135" spans="1:5" s="9" customFormat="1" ht="24.95" customHeight="1" x14ac:dyDescent="0.25">
      <c r="A135" s="18" t="s">
        <v>88</v>
      </c>
      <c r="B135" s="154" t="s">
        <v>455</v>
      </c>
      <c r="C135" s="155"/>
      <c r="D135" s="19" t="s">
        <v>1</v>
      </c>
      <c r="E135" s="80">
        <v>20</v>
      </c>
    </row>
    <row r="136" spans="1:5" s="9" customFormat="1" ht="24.95" customHeight="1" x14ac:dyDescent="0.25">
      <c r="A136" s="18" t="s">
        <v>89</v>
      </c>
      <c r="B136" s="154" t="s">
        <v>456</v>
      </c>
      <c r="C136" s="155"/>
      <c r="D136" s="19" t="s">
        <v>1</v>
      </c>
      <c r="E136" s="80">
        <v>20</v>
      </c>
    </row>
    <row r="137" spans="1:5" s="10" customFormat="1" ht="31.5" customHeight="1" x14ac:dyDescent="0.2">
      <c r="A137" s="151" t="s">
        <v>459</v>
      </c>
      <c r="B137" s="152"/>
      <c r="C137" s="152"/>
      <c r="D137" s="152"/>
      <c r="E137" s="153"/>
    </row>
    <row r="138" spans="1:5" s="9" customFormat="1" ht="24.95" customHeight="1" x14ac:dyDescent="0.25">
      <c r="A138" s="18" t="s">
        <v>69</v>
      </c>
      <c r="B138" s="154" t="s">
        <v>464</v>
      </c>
      <c r="C138" s="155"/>
      <c r="D138" s="19" t="s">
        <v>1</v>
      </c>
      <c r="E138" s="80">
        <v>260</v>
      </c>
    </row>
    <row r="139" spans="1:5" s="10" customFormat="1" ht="31.5" customHeight="1" x14ac:dyDescent="0.2">
      <c r="A139" s="151" t="s">
        <v>465</v>
      </c>
      <c r="B139" s="152"/>
      <c r="C139" s="152"/>
      <c r="D139" s="152"/>
      <c r="E139" s="153"/>
    </row>
    <row r="140" spans="1:5" s="9" customFormat="1" ht="24.95" customHeight="1" x14ac:dyDescent="0.25">
      <c r="A140" s="18" t="s">
        <v>69</v>
      </c>
      <c r="B140" s="154" t="s">
        <v>466</v>
      </c>
      <c r="C140" s="155"/>
      <c r="D140" s="19" t="s">
        <v>1</v>
      </c>
      <c r="E140" s="80">
        <v>100</v>
      </c>
    </row>
    <row r="141" spans="1:5" s="10" customFormat="1" ht="31.5" customHeight="1" x14ac:dyDescent="0.2">
      <c r="A141" s="151" t="s">
        <v>468</v>
      </c>
      <c r="B141" s="152"/>
      <c r="C141" s="152"/>
      <c r="D141" s="152"/>
      <c r="E141" s="153"/>
    </row>
    <row r="142" spans="1:5" s="9" customFormat="1" ht="24.95" customHeight="1" x14ac:dyDescent="0.25">
      <c r="A142" s="18" t="s">
        <v>69</v>
      </c>
      <c r="B142" s="154" t="s">
        <v>471</v>
      </c>
      <c r="C142" s="155"/>
      <c r="D142" s="19" t="s">
        <v>1</v>
      </c>
      <c r="E142" s="80">
        <v>28</v>
      </c>
    </row>
    <row r="143" spans="1:5" s="10" customFormat="1" ht="31.5" customHeight="1" x14ac:dyDescent="0.2">
      <c r="A143" s="151" t="s">
        <v>473</v>
      </c>
      <c r="B143" s="152"/>
      <c r="C143" s="152"/>
      <c r="D143" s="152"/>
      <c r="E143" s="153"/>
    </row>
    <row r="144" spans="1:5" s="9" customFormat="1" ht="24.95" customHeight="1" x14ac:dyDescent="0.25">
      <c r="A144" s="18" t="s">
        <v>69</v>
      </c>
      <c r="B144" s="154" t="s">
        <v>476</v>
      </c>
      <c r="C144" s="155"/>
      <c r="D144" s="19" t="s">
        <v>1</v>
      </c>
      <c r="E144" s="80">
        <v>140</v>
      </c>
    </row>
    <row r="145" spans="1:6" s="10" customFormat="1" ht="31.5" customHeight="1" x14ac:dyDescent="0.2">
      <c r="A145" s="151" t="s">
        <v>491</v>
      </c>
      <c r="B145" s="152"/>
      <c r="C145" s="152"/>
      <c r="D145" s="152"/>
      <c r="E145" s="153"/>
    </row>
    <row r="146" spans="1:6" s="9" customFormat="1" ht="24.95" customHeight="1" x14ac:dyDescent="0.25">
      <c r="A146" s="18" t="s">
        <v>69</v>
      </c>
      <c r="B146" s="154" t="s">
        <v>481</v>
      </c>
      <c r="C146" s="155"/>
      <c r="D146" s="19" t="s">
        <v>1</v>
      </c>
      <c r="E146" s="80">
        <v>120</v>
      </c>
    </row>
    <row r="147" spans="1:6" s="9" customFormat="1" ht="24.95" customHeight="1" x14ac:dyDescent="0.25">
      <c r="A147" s="18" t="s">
        <v>88</v>
      </c>
      <c r="B147" s="154" t="s">
        <v>482</v>
      </c>
      <c r="C147" s="155"/>
      <c r="D147" s="19" t="s">
        <v>1</v>
      </c>
      <c r="E147" s="80">
        <v>48</v>
      </c>
    </row>
    <row r="148" spans="1:6" s="9" customFormat="1" ht="24.95" customHeight="1" x14ac:dyDescent="0.25">
      <c r="A148" s="18" t="s">
        <v>89</v>
      </c>
      <c r="B148" s="154" t="s">
        <v>483</v>
      </c>
      <c r="C148" s="155"/>
      <c r="D148" s="19" t="s">
        <v>1</v>
      </c>
      <c r="E148" s="80">
        <v>120</v>
      </c>
    </row>
    <row r="149" spans="1:6" s="9" customFormat="1" ht="24.95" customHeight="1" x14ac:dyDescent="0.25">
      <c r="A149" s="18" t="s">
        <v>90</v>
      </c>
      <c r="B149" s="154" t="s">
        <v>484</v>
      </c>
      <c r="C149" s="155"/>
      <c r="D149" s="19" t="s">
        <v>1</v>
      </c>
      <c r="E149" s="80">
        <v>24</v>
      </c>
      <c r="F149" s="119"/>
    </row>
    <row r="150" spans="1:6" s="9" customFormat="1" ht="24.95" customHeight="1" x14ac:dyDescent="0.25">
      <c r="A150" s="18" t="s">
        <v>100</v>
      </c>
      <c r="B150" s="154" t="s">
        <v>485</v>
      </c>
      <c r="C150" s="155"/>
      <c r="D150" s="19" t="s">
        <v>1</v>
      </c>
      <c r="E150" s="80">
        <v>24</v>
      </c>
    </row>
    <row r="151" spans="1:6" s="9" customFormat="1" ht="24.95" customHeight="1" x14ac:dyDescent="0.25">
      <c r="A151" s="18" t="s">
        <v>101</v>
      </c>
      <c r="B151" s="154" t="s">
        <v>486</v>
      </c>
      <c r="C151" s="155"/>
      <c r="D151" s="19" t="s">
        <v>1</v>
      </c>
      <c r="E151" s="80">
        <v>8</v>
      </c>
    </row>
    <row r="152" spans="1:6" s="9" customFormat="1" ht="24.95" customHeight="1" x14ac:dyDescent="0.25">
      <c r="A152" s="18" t="s">
        <v>477</v>
      </c>
      <c r="B152" s="154" t="s">
        <v>487</v>
      </c>
      <c r="C152" s="155"/>
      <c r="D152" s="19" t="s">
        <v>1</v>
      </c>
      <c r="E152" s="80">
        <v>4</v>
      </c>
    </row>
    <row r="153" spans="1:6" s="9" customFormat="1" ht="24.95" customHeight="1" x14ac:dyDescent="0.25">
      <c r="A153" s="18" t="s">
        <v>478</v>
      </c>
      <c r="B153" s="154" t="s">
        <v>488</v>
      </c>
      <c r="C153" s="155"/>
      <c r="D153" s="19" t="s">
        <v>1</v>
      </c>
      <c r="E153" s="80">
        <v>12</v>
      </c>
    </row>
    <row r="154" spans="1:6" s="9" customFormat="1" ht="24.95" customHeight="1" x14ac:dyDescent="0.25">
      <c r="A154" s="18" t="s">
        <v>479</v>
      </c>
      <c r="B154" s="154" t="s">
        <v>489</v>
      </c>
      <c r="C154" s="155"/>
      <c r="D154" s="19" t="s">
        <v>1</v>
      </c>
      <c r="E154" s="80">
        <v>320</v>
      </c>
    </row>
    <row r="155" spans="1:6" s="9" customFormat="1" ht="24.95" customHeight="1" x14ac:dyDescent="0.25">
      <c r="A155" s="18" t="s">
        <v>480</v>
      </c>
      <c r="B155" s="154" t="s">
        <v>490</v>
      </c>
      <c r="C155" s="155"/>
      <c r="D155" s="19" t="s">
        <v>1</v>
      </c>
      <c r="E155" s="80">
        <v>280</v>
      </c>
    </row>
    <row r="156" spans="1:6" s="10" customFormat="1" ht="31.5" customHeight="1" x14ac:dyDescent="0.2">
      <c r="A156" s="151" t="s">
        <v>504</v>
      </c>
      <c r="B156" s="152"/>
      <c r="C156" s="152"/>
      <c r="D156" s="152"/>
      <c r="E156" s="153"/>
    </row>
    <row r="157" spans="1:6" s="9" customFormat="1" ht="24.95" customHeight="1" x14ac:dyDescent="0.25">
      <c r="A157" s="18" t="s">
        <v>69</v>
      </c>
      <c r="B157" s="154" t="s">
        <v>541</v>
      </c>
      <c r="C157" s="155"/>
      <c r="D157" s="19" t="s">
        <v>1</v>
      </c>
      <c r="E157" s="80">
        <v>40</v>
      </c>
    </row>
    <row r="158" spans="1:6" s="9" customFormat="1" ht="24.95" customHeight="1" x14ac:dyDescent="0.25">
      <c r="A158" s="18" t="s">
        <v>88</v>
      </c>
      <c r="B158" s="154" t="s">
        <v>542</v>
      </c>
      <c r="C158" s="155"/>
      <c r="D158" s="19" t="s">
        <v>1</v>
      </c>
      <c r="E158" s="80">
        <v>12</v>
      </c>
      <c r="F158" s="119"/>
    </row>
    <row r="159" spans="1:6" s="9" customFormat="1" ht="24.95" customHeight="1" x14ac:dyDescent="0.25">
      <c r="A159" s="18" t="s">
        <v>89</v>
      </c>
      <c r="B159" s="154" t="s">
        <v>543</v>
      </c>
      <c r="C159" s="155"/>
      <c r="D159" s="19" t="s">
        <v>1</v>
      </c>
      <c r="E159" s="80">
        <v>40</v>
      </c>
    </row>
    <row r="160" spans="1:6" s="9" customFormat="1" ht="24.95" customHeight="1" x14ac:dyDescent="0.25">
      <c r="A160" s="18" t="s">
        <v>90</v>
      </c>
      <c r="B160" s="154" t="s">
        <v>544</v>
      </c>
      <c r="C160" s="155"/>
      <c r="D160" s="19" t="s">
        <v>1</v>
      </c>
      <c r="E160" s="80">
        <v>84</v>
      </c>
    </row>
    <row r="161" spans="1:5" s="9" customFormat="1" ht="24.95" customHeight="1" x14ac:dyDescent="0.25">
      <c r="A161" s="18" t="s">
        <v>100</v>
      </c>
      <c r="B161" s="154" t="s">
        <v>545</v>
      </c>
      <c r="C161" s="155"/>
      <c r="D161" s="19" t="s">
        <v>1</v>
      </c>
      <c r="E161" s="80">
        <v>4</v>
      </c>
    </row>
    <row r="162" spans="1:5" s="9" customFormat="1" ht="24.95" customHeight="1" x14ac:dyDescent="0.25">
      <c r="A162" s="18" t="s">
        <v>101</v>
      </c>
      <c r="B162" s="154" t="s">
        <v>546</v>
      </c>
      <c r="C162" s="155"/>
      <c r="D162" s="19" t="s">
        <v>1</v>
      </c>
      <c r="E162" s="80">
        <v>16</v>
      </c>
    </row>
    <row r="163" spans="1:5" s="9" customFormat="1" ht="24.95" customHeight="1" x14ac:dyDescent="0.25">
      <c r="A163" s="18" t="s">
        <v>477</v>
      </c>
      <c r="B163" s="154" t="s">
        <v>547</v>
      </c>
      <c r="C163" s="155"/>
      <c r="D163" s="19" t="s">
        <v>1</v>
      </c>
      <c r="E163" s="80">
        <v>48</v>
      </c>
    </row>
    <row r="164" spans="1:5" s="9" customFormat="1" ht="24.95" customHeight="1" x14ac:dyDescent="0.25">
      <c r="A164" s="18" t="s">
        <v>478</v>
      </c>
      <c r="B164" s="154" t="s">
        <v>548</v>
      </c>
      <c r="C164" s="155"/>
      <c r="D164" s="19" t="s">
        <v>1</v>
      </c>
      <c r="E164" s="80">
        <v>48</v>
      </c>
    </row>
    <row r="165" spans="1:5" s="9" customFormat="1" ht="24.95" customHeight="1" x14ac:dyDescent="0.25">
      <c r="A165" s="18" t="s">
        <v>479</v>
      </c>
      <c r="B165" s="154" t="s">
        <v>549</v>
      </c>
      <c r="C165" s="155"/>
      <c r="D165" s="19" t="s">
        <v>1</v>
      </c>
      <c r="E165" s="80">
        <v>24</v>
      </c>
    </row>
    <row r="166" spans="1:5" s="9" customFormat="1" ht="24.95" customHeight="1" x14ac:dyDescent="0.25">
      <c r="A166" s="18" t="s">
        <v>480</v>
      </c>
      <c r="B166" s="154" t="s">
        <v>550</v>
      </c>
      <c r="C166" s="155"/>
      <c r="D166" s="19" t="s">
        <v>1</v>
      </c>
      <c r="E166" s="80">
        <v>24</v>
      </c>
    </row>
    <row r="167" spans="1:5" s="9" customFormat="1" ht="24.95" customHeight="1" x14ac:dyDescent="0.25">
      <c r="A167" s="18" t="s">
        <v>529</v>
      </c>
      <c r="B167" s="154" t="s">
        <v>551</v>
      </c>
      <c r="C167" s="155"/>
      <c r="D167" s="19" t="s">
        <v>1</v>
      </c>
      <c r="E167" s="80">
        <v>40</v>
      </c>
    </row>
    <row r="168" spans="1:5" s="9" customFormat="1" ht="24.95" customHeight="1" x14ac:dyDescent="0.25">
      <c r="A168" s="18" t="s">
        <v>530</v>
      </c>
      <c r="B168" s="154" t="s">
        <v>552</v>
      </c>
      <c r="C168" s="155"/>
      <c r="D168" s="19" t="s">
        <v>1</v>
      </c>
      <c r="E168" s="80">
        <v>40</v>
      </c>
    </row>
    <row r="169" spans="1:5" s="9" customFormat="1" ht="24.95" customHeight="1" x14ac:dyDescent="0.25">
      <c r="A169" s="18" t="s">
        <v>531</v>
      </c>
      <c r="B169" s="154" t="s">
        <v>553</v>
      </c>
      <c r="C169" s="155"/>
      <c r="D169" s="19" t="s">
        <v>1</v>
      </c>
      <c r="E169" s="80">
        <v>60</v>
      </c>
    </row>
    <row r="170" spans="1:5" s="9" customFormat="1" ht="24.95" customHeight="1" x14ac:dyDescent="0.25">
      <c r="A170" s="18" t="s">
        <v>532</v>
      </c>
      <c r="B170" s="154" t="s">
        <v>554</v>
      </c>
      <c r="C170" s="155"/>
      <c r="D170" s="19" t="s">
        <v>1</v>
      </c>
      <c r="E170" s="80">
        <v>90</v>
      </c>
    </row>
    <row r="171" spans="1:5" s="9" customFormat="1" ht="24.95" customHeight="1" x14ac:dyDescent="0.25">
      <c r="A171" s="18" t="s">
        <v>533</v>
      </c>
      <c r="B171" s="154" t="s">
        <v>555</v>
      </c>
      <c r="C171" s="155"/>
      <c r="D171" s="19" t="s">
        <v>1</v>
      </c>
      <c r="E171" s="80">
        <v>20</v>
      </c>
    </row>
    <row r="172" spans="1:5" s="9" customFormat="1" ht="24.95" customHeight="1" x14ac:dyDescent="0.25">
      <c r="A172" s="18" t="s">
        <v>534</v>
      </c>
      <c r="B172" s="154" t="s">
        <v>556</v>
      </c>
      <c r="C172" s="155"/>
      <c r="D172" s="19" t="s">
        <v>1</v>
      </c>
      <c r="E172" s="80">
        <v>20</v>
      </c>
    </row>
    <row r="173" spans="1:5" s="9" customFormat="1" ht="24.95" customHeight="1" x14ac:dyDescent="0.25">
      <c r="A173" s="18" t="s">
        <v>535</v>
      </c>
      <c r="B173" s="154" t="s">
        <v>557</v>
      </c>
      <c r="C173" s="155"/>
      <c r="D173" s="19" t="s">
        <v>1</v>
      </c>
      <c r="E173" s="80">
        <v>20</v>
      </c>
    </row>
    <row r="174" spans="1:5" s="9" customFormat="1" ht="24.95" customHeight="1" x14ac:dyDescent="0.25">
      <c r="A174" s="18" t="s">
        <v>536</v>
      </c>
      <c r="B174" s="154" t="s">
        <v>559</v>
      </c>
      <c r="C174" s="155"/>
      <c r="D174" s="19" t="s">
        <v>1</v>
      </c>
      <c r="E174" s="80">
        <v>20</v>
      </c>
    </row>
    <row r="175" spans="1:5" s="9" customFormat="1" ht="24.95" customHeight="1" x14ac:dyDescent="0.25">
      <c r="A175" s="18" t="s">
        <v>537</v>
      </c>
      <c r="B175" s="154" t="s">
        <v>558</v>
      </c>
      <c r="C175" s="155"/>
      <c r="D175" s="19" t="s">
        <v>1</v>
      </c>
      <c r="E175" s="80">
        <v>800</v>
      </c>
    </row>
    <row r="176" spans="1:5" s="9" customFormat="1" ht="24.95" customHeight="1" x14ac:dyDescent="0.25">
      <c r="A176" s="18" t="s">
        <v>538</v>
      </c>
      <c r="B176" s="154" t="s">
        <v>560</v>
      </c>
      <c r="C176" s="155"/>
      <c r="D176" s="19" t="s">
        <v>1</v>
      </c>
      <c r="E176" s="80">
        <v>200</v>
      </c>
    </row>
    <row r="177" spans="1:5" s="9" customFormat="1" ht="24.95" customHeight="1" x14ac:dyDescent="0.25">
      <c r="A177" s="18" t="s">
        <v>539</v>
      </c>
      <c r="B177" s="154" t="s">
        <v>561</v>
      </c>
      <c r="C177" s="155"/>
      <c r="D177" s="19" t="s">
        <v>1</v>
      </c>
      <c r="E177" s="80">
        <v>20</v>
      </c>
    </row>
    <row r="178" spans="1:5" s="9" customFormat="1" ht="24.95" customHeight="1" x14ac:dyDescent="0.25">
      <c r="A178" s="18" t="s">
        <v>540</v>
      </c>
      <c r="B178" s="154" t="s">
        <v>562</v>
      </c>
      <c r="C178" s="155"/>
      <c r="D178" s="19" t="s">
        <v>1</v>
      </c>
      <c r="E178" s="80">
        <v>20</v>
      </c>
    </row>
    <row r="179" spans="1:5" s="10" customFormat="1" ht="31.5" customHeight="1" x14ac:dyDescent="0.2">
      <c r="A179" s="151" t="s">
        <v>563</v>
      </c>
      <c r="B179" s="152"/>
      <c r="C179" s="152"/>
      <c r="D179" s="152"/>
      <c r="E179" s="153"/>
    </row>
    <row r="180" spans="1:5" s="9" customFormat="1" ht="24.95" customHeight="1" x14ac:dyDescent="0.25">
      <c r="A180" s="18" t="s">
        <v>69</v>
      </c>
      <c r="B180" s="154" t="s">
        <v>564</v>
      </c>
      <c r="C180" s="155"/>
      <c r="D180" s="19" t="s">
        <v>1</v>
      </c>
      <c r="E180" s="80">
        <v>40</v>
      </c>
    </row>
    <row r="181" spans="1:5" s="9" customFormat="1" ht="24.95" customHeight="1" x14ac:dyDescent="0.25">
      <c r="A181" s="18" t="s">
        <v>88</v>
      </c>
      <c r="B181" s="154" t="s">
        <v>565</v>
      </c>
      <c r="C181" s="155"/>
      <c r="D181" s="19" t="s">
        <v>1</v>
      </c>
      <c r="E181" s="80">
        <v>12</v>
      </c>
    </row>
    <row r="182" spans="1:5" s="10" customFormat="1" ht="31.5" customHeight="1" x14ac:dyDescent="0.2">
      <c r="A182" s="151" t="s">
        <v>570</v>
      </c>
      <c r="B182" s="152"/>
      <c r="C182" s="152"/>
      <c r="D182" s="152"/>
      <c r="E182" s="153"/>
    </row>
    <row r="183" spans="1:5" s="9" customFormat="1" ht="24.95" customHeight="1" x14ac:dyDescent="0.25">
      <c r="A183" s="18" t="s">
        <v>69</v>
      </c>
      <c r="B183" s="154" t="s">
        <v>765</v>
      </c>
      <c r="C183" s="155"/>
      <c r="D183" s="19" t="s">
        <v>1</v>
      </c>
      <c r="E183" s="80">
        <v>80</v>
      </c>
    </row>
    <row r="184" spans="1:5" s="9" customFormat="1" ht="24.95" customHeight="1" x14ac:dyDescent="0.25">
      <c r="A184" s="18" t="s">
        <v>88</v>
      </c>
      <c r="B184" s="154" t="s">
        <v>577</v>
      </c>
      <c r="C184" s="155"/>
      <c r="D184" s="19" t="s">
        <v>1</v>
      </c>
      <c r="E184" s="80">
        <v>160</v>
      </c>
    </row>
    <row r="185" spans="1:5" s="9" customFormat="1" ht="24.95" customHeight="1" x14ac:dyDescent="0.25">
      <c r="A185" s="18" t="s">
        <v>89</v>
      </c>
      <c r="B185" s="154" t="s">
        <v>578</v>
      </c>
      <c r="C185" s="155"/>
      <c r="D185" s="19" t="s">
        <v>1</v>
      </c>
      <c r="E185" s="80">
        <v>160</v>
      </c>
    </row>
    <row r="186" spans="1:5" s="9" customFormat="1" ht="24.95" customHeight="1" x14ac:dyDescent="0.25">
      <c r="A186" s="18" t="s">
        <v>90</v>
      </c>
      <c r="B186" s="154" t="s">
        <v>579</v>
      </c>
      <c r="C186" s="155"/>
      <c r="D186" s="19" t="s">
        <v>1</v>
      </c>
      <c r="E186" s="80">
        <v>80</v>
      </c>
    </row>
    <row r="187" spans="1:5" s="9" customFormat="1" ht="24.95" customHeight="1" x14ac:dyDescent="0.25">
      <c r="A187" s="18" t="s">
        <v>100</v>
      </c>
      <c r="B187" s="154" t="s">
        <v>649</v>
      </c>
      <c r="C187" s="155"/>
      <c r="D187" s="19" t="s">
        <v>1</v>
      </c>
      <c r="E187" s="80">
        <v>80</v>
      </c>
    </row>
    <row r="188" spans="1:5" s="9" customFormat="1" ht="24.95" customHeight="1" x14ac:dyDescent="0.25">
      <c r="A188" s="18" t="s">
        <v>101</v>
      </c>
      <c r="B188" s="154" t="s">
        <v>580</v>
      </c>
      <c r="C188" s="155"/>
      <c r="D188" s="19" t="s">
        <v>1</v>
      </c>
      <c r="E188" s="80">
        <v>80</v>
      </c>
    </row>
    <row r="189" spans="1:5" s="10" customFormat="1" ht="31.5" customHeight="1" x14ac:dyDescent="0.2">
      <c r="A189" s="151" t="s">
        <v>581</v>
      </c>
      <c r="B189" s="152"/>
      <c r="C189" s="152"/>
      <c r="D189" s="152"/>
      <c r="E189" s="153"/>
    </row>
    <row r="190" spans="1:5" s="9" customFormat="1" ht="24.95" customHeight="1" x14ac:dyDescent="0.25">
      <c r="A190" s="18" t="s">
        <v>69</v>
      </c>
      <c r="B190" s="154" t="s">
        <v>582</v>
      </c>
      <c r="C190" s="155"/>
      <c r="D190" s="19" t="s">
        <v>1</v>
      </c>
      <c r="E190" s="80">
        <v>280</v>
      </c>
    </row>
    <row r="191" spans="1:5" s="10" customFormat="1" ht="31.5" customHeight="1" x14ac:dyDescent="0.2">
      <c r="A191" s="151" t="s">
        <v>584</v>
      </c>
      <c r="B191" s="152"/>
      <c r="C191" s="152"/>
      <c r="D191" s="152"/>
      <c r="E191" s="153"/>
    </row>
    <row r="192" spans="1:5" s="9" customFormat="1" ht="24.95" customHeight="1" x14ac:dyDescent="0.25">
      <c r="A192" s="18" t="s">
        <v>69</v>
      </c>
      <c r="B192" s="154" t="s">
        <v>585</v>
      </c>
      <c r="C192" s="155"/>
      <c r="D192" s="19" t="s">
        <v>1</v>
      </c>
      <c r="E192" s="80">
        <v>320</v>
      </c>
    </row>
    <row r="193" spans="1:7" s="10" customFormat="1" ht="31.5" customHeight="1" x14ac:dyDescent="0.2">
      <c r="A193" s="151" t="s">
        <v>588</v>
      </c>
      <c r="B193" s="152"/>
      <c r="C193" s="152"/>
      <c r="D193" s="152"/>
      <c r="E193" s="153"/>
    </row>
    <row r="194" spans="1:7" s="9" customFormat="1" ht="24.95" customHeight="1" x14ac:dyDescent="0.25">
      <c r="A194" s="18" t="s">
        <v>69</v>
      </c>
      <c r="B194" s="154" t="s">
        <v>589</v>
      </c>
      <c r="C194" s="155"/>
      <c r="D194" s="19" t="s">
        <v>1</v>
      </c>
      <c r="E194" s="80">
        <v>80</v>
      </c>
    </row>
    <row r="195" spans="1:7" s="9" customFormat="1" ht="24.95" customHeight="1" x14ac:dyDescent="0.25">
      <c r="A195" s="18" t="s">
        <v>88</v>
      </c>
      <c r="B195" s="154" t="s">
        <v>590</v>
      </c>
      <c r="C195" s="155"/>
      <c r="D195" s="19" t="s">
        <v>1</v>
      </c>
      <c r="E195" s="80">
        <v>80</v>
      </c>
    </row>
    <row r="196" spans="1:7" s="9" customFormat="1" ht="24.95" customHeight="1" x14ac:dyDescent="0.25">
      <c r="A196" s="18" t="s">
        <v>89</v>
      </c>
      <c r="B196" s="154" t="s">
        <v>591</v>
      </c>
      <c r="C196" s="155"/>
      <c r="D196" s="19" t="s">
        <v>1</v>
      </c>
      <c r="E196" s="80">
        <v>40</v>
      </c>
    </row>
    <row r="197" spans="1:7" s="9" customFormat="1" ht="24.95" customHeight="1" x14ac:dyDescent="0.25">
      <c r="A197" s="18" t="s">
        <v>90</v>
      </c>
      <c r="B197" s="154" t="s">
        <v>592</v>
      </c>
      <c r="C197" s="155"/>
      <c r="D197" s="19" t="s">
        <v>1</v>
      </c>
      <c r="E197" s="80">
        <v>40</v>
      </c>
      <c r="G197" s="119"/>
    </row>
    <row r="198" spans="1:7" s="9" customFormat="1" ht="24.95" customHeight="1" x14ac:dyDescent="0.25">
      <c r="A198" s="18" t="s">
        <v>100</v>
      </c>
      <c r="B198" s="154" t="s">
        <v>593</v>
      </c>
      <c r="C198" s="155"/>
      <c r="D198" s="19" t="s">
        <v>1</v>
      </c>
      <c r="E198" s="80">
        <v>200</v>
      </c>
    </row>
    <row r="199" spans="1:7" s="9" customFormat="1" ht="24.95" customHeight="1" x14ac:dyDescent="0.25">
      <c r="A199" s="18" t="s">
        <v>101</v>
      </c>
      <c r="B199" s="154" t="s">
        <v>594</v>
      </c>
      <c r="C199" s="155"/>
      <c r="D199" s="19" t="s">
        <v>1</v>
      </c>
      <c r="E199" s="80">
        <v>200</v>
      </c>
    </row>
    <row r="200" spans="1:7" s="9" customFormat="1" ht="24.95" customHeight="1" x14ac:dyDescent="0.25">
      <c r="A200" s="18" t="s">
        <v>477</v>
      </c>
      <c r="B200" s="154" t="s">
        <v>595</v>
      </c>
      <c r="C200" s="155"/>
      <c r="D200" s="19" t="s">
        <v>1</v>
      </c>
      <c r="E200" s="80">
        <v>80</v>
      </c>
    </row>
    <row r="201" spans="1:7" s="10" customFormat="1" ht="31.5" customHeight="1" x14ac:dyDescent="0.2">
      <c r="A201" s="151" t="s">
        <v>609</v>
      </c>
      <c r="B201" s="152"/>
      <c r="C201" s="152"/>
      <c r="D201" s="152"/>
      <c r="E201" s="153"/>
    </row>
    <row r="202" spans="1:7" s="9" customFormat="1" ht="24.95" customHeight="1" x14ac:dyDescent="0.25">
      <c r="A202" s="18" t="s">
        <v>69</v>
      </c>
      <c r="B202" s="154" t="s">
        <v>610</v>
      </c>
      <c r="C202" s="155"/>
      <c r="D202" s="19" t="s">
        <v>1</v>
      </c>
      <c r="E202" s="80">
        <v>8</v>
      </c>
    </row>
    <row r="203" spans="1:7" s="9" customFormat="1" ht="24.95" customHeight="1" x14ac:dyDescent="0.25">
      <c r="A203" s="18" t="s">
        <v>88</v>
      </c>
      <c r="B203" s="154" t="s">
        <v>611</v>
      </c>
      <c r="C203" s="155"/>
      <c r="D203" s="19" t="s">
        <v>1</v>
      </c>
      <c r="E203" s="80">
        <v>8</v>
      </c>
    </row>
    <row r="204" spans="1:7" s="9" customFormat="1" ht="24.95" customHeight="1" x14ac:dyDescent="0.25">
      <c r="A204" s="18" t="s">
        <v>89</v>
      </c>
      <c r="B204" s="154" t="s">
        <v>612</v>
      </c>
      <c r="C204" s="155"/>
      <c r="D204" s="19" t="s">
        <v>1</v>
      </c>
      <c r="E204" s="80">
        <v>60</v>
      </c>
      <c r="F204" s="119"/>
    </row>
    <row r="205" spans="1:7" s="9" customFormat="1" ht="24.95" customHeight="1" x14ac:dyDescent="0.25">
      <c r="A205" s="18" t="s">
        <v>90</v>
      </c>
      <c r="B205" s="154" t="s">
        <v>613</v>
      </c>
      <c r="C205" s="155"/>
      <c r="D205" s="19" t="s">
        <v>1</v>
      </c>
      <c r="E205" s="80">
        <v>10</v>
      </c>
    </row>
    <row r="206" spans="1:7" s="9" customFormat="1" ht="24.95" customHeight="1" x14ac:dyDescent="0.25">
      <c r="A206" s="18" t="s">
        <v>100</v>
      </c>
      <c r="B206" s="154" t="s">
        <v>614</v>
      </c>
      <c r="C206" s="155"/>
      <c r="D206" s="19" t="s">
        <v>1</v>
      </c>
      <c r="E206" s="80">
        <v>10</v>
      </c>
    </row>
    <row r="207" spans="1:7" s="9" customFormat="1" ht="24.95" customHeight="1" x14ac:dyDescent="0.25">
      <c r="A207" s="18" t="s">
        <v>101</v>
      </c>
      <c r="B207" s="154" t="s">
        <v>615</v>
      </c>
      <c r="C207" s="155"/>
      <c r="D207" s="19" t="s">
        <v>1</v>
      </c>
      <c r="E207" s="80">
        <v>8</v>
      </c>
    </row>
    <row r="208" spans="1:7" s="9" customFormat="1" ht="24.95" customHeight="1" x14ac:dyDescent="0.25">
      <c r="A208" s="18" t="s">
        <v>477</v>
      </c>
      <c r="B208" s="154" t="s">
        <v>616</v>
      </c>
      <c r="C208" s="155"/>
      <c r="D208" s="19" t="s">
        <v>1</v>
      </c>
      <c r="E208" s="80">
        <v>10</v>
      </c>
    </row>
    <row r="209" spans="1:6" s="9" customFormat="1" ht="24.95" customHeight="1" x14ac:dyDescent="0.25">
      <c r="A209" s="18" t="s">
        <v>478</v>
      </c>
      <c r="B209" s="154" t="s">
        <v>617</v>
      </c>
      <c r="C209" s="155"/>
      <c r="D209" s="19" t="s">
        <v>1</v>
      </c>
      <c r="E209" s="80">
        <v>12</v>
      </c>
    </row>
    <row r="210" spans="1:6" s="9" customFormat="1" ht="24.95" customHeight="1" x14ac:dyDescent="0.25">
      <c r="A210" s="18" t="s">
        <v>479</v>
      </c>
      <c r="B210" s="154" t="s">
        <v>618</v>
      </c>
      <c r="C210" s="155"/>
      <c r="D210" s="19" t="s">
        <v>1</v>
      </c>
      <c r="E210" s="80">
        <v>12</v>
      </c>
    </row>
    <row r="211" spans="1:6" s="9" customFormat="1" ht="24.95" customHeight="1" x14ac:dyDescent="0.25">
      <c r="A211" s="18" t="s">
        <v>480</v>
      </c>
      <c r="B211" s="154" t="s">
        <v>619</v>
      </c>
      <c r="C211" s="155"/>
      <c r="D211" s="19" t="s">
        <v>1</v>
      </c>
      <c r="E211" s="80">
        <v>40</v>
      </c>
    </row>
    <row r="212" spans="1:6" s="9" customFormat="1" ht="24.95" customHeight="1" x14ac:dyDescent="0.25">
      <c r="A212" s="18" t="s">
        <v>529</v>
      </c>
      <c r="B212" s="154" t="s">
        <v>620</v>
      </c>
      <c r="C212" s="155"/>
      <c r="D212" s="19" t="s">
        <v>1</v>
      </c>
      <c r="E212" s="80">
        <v>40</v>
      </c>
    </row>
    <row r="213" spans="1:6" s="10" customFormat="1" ht="31.5" customHeight="1" x14ac:dyDescent="0.2">
      <c r="A213" s="151" t="s">
        <v>638</v>
      </c>
      <c r="B213" s="152"/>
      <c r="C213" s="152"/>
      <c r="D213" s="152"/>
      <c r="E213" s="153"/>
    </row>
    <row r="214" spans="1:6" s="9" customFormat="1" ht="24.95" customHeight="1" x14ac:dyDescent="0.25">
      <c r="A214" s="18" t="s">
        <v>69</v>
      </c>
      <c r="B214" s="154" t="s">
        <v>646</v>
      </c>
      <c r="C214" s="155"/>
      <c r="D214" s="19" t="s">
        <v>1</v>
      </c>
      <c r="E214" s="80">
        <v>20</v>
      </c>
    </row>
    <row r="215" spans="1:6" s="9" customFormat="1" ht="24.95" customHeight="1" x14ac:dyDescent="0.25">
      <c r="A215" s="18" t="s">
        <v>88</v>
      </c>
      <c r="B215" s="154" t="s">
        <v>647</v>
      </c>
      <c r="C215" s="155"/>
      <c r="D215" s="19" t="s">
        <v>1</v>
      </c>
      <c r="E215" s="80">
        <v>40</v>
      </c>
    </row>
    <row r="216" spans="1:6" s="9" customFormat="1" ht="24.95" customHeight="1" x14ac:dyDescent="0.25">
      <c r="A216" s="18" t="s">
        <v>89</v>
      </c>
      <c r="B216" s="154" t="s">
        <v>648</v>
      </c>
      <c r="C216" s="155"/>
      <c r="D216" s="19" t="s">
        <v>1</v>
      </c>
      <c r="E216" s="80">
        <v>180</v>
      </c>
    </row>
    <row r="217" spans="1:6" s="9" customFormat="1" ht="24.95" customHeight="1" x14ac:dyDescent="0.25">
      <c r="A217" s="18" t="s">
        <v>90</v>
      </c>
      <c r="B217" s="154" t="s">
        <v>649</v>
      </c>
      <c r="C217" s="155"/>
      <c r="D217" s="19" t="s">
        <v>1</v>
      </c>
      <c r="E217" s="80">
        <v>30</v>
      </c>
    </row>
    <row r="218" spans="1:6" s="9" customFormat="1" ht="24.95" customHeight="1" x14ac:dyDescent="0.25">
      <c r="A218" s="18" t="s">
        <v>100</v>
      </c>
      <c r="B218" s="154" t="s">
        <v>650</v>
      </c>
      <c r="C218" s="155"/>
      <c r="D218" s="19" t="s">
        <v>1</v>
      </c>
      <c r="E218" s="80">
        <v>4</v>
      </c>
    </row>
    <row r="219" spans="1:6" s="10" customFormat="1" ht="31.5" customHeight="1" x14ac:dyDescent="0.2">
      <c r="A219" s="151" t="s">
        <v>651</v>
      </c>
      <c r="B219" s="152"/>
      <c r="C219" s="152"/>
      <c r="D219" s="152"/>
      <c r="E219" s="153"/>
    </row>
    <row r="220" spans="1:6" s="9" customFormat="1" ht="24.95" customHeight="1" x14ac:dyDescent="0.25">
      <c r="A220" s="18" t="s">
        <v>69</v>
      </c>
      <c r="B220" s="154" t="s">
        <v>652</v>
      </c>
      <c r="C220" s="155"/>
      <c r="D220" s="19" t="s">
        <v>1</v>
      </c>
      <c r="E220" s="80">
        <v>240</v>
      </c>
    </row>
    <row r="221" spans="1:6" s="9" customFormat="1" ht="24.95" customHeight="1" x14ac:dyDescent="0.25">
      <c r="A221" s="18" t="s">
        <v>88</v>
      </c>
      <c r="B221" s="154" t="s">
        <v>653</v>
      </c>
      <c r="C221" s="155"/>
      <c r="D221" s="19" t="s">
        <v>1</v>
      </c>
      <c r="E221" s="80">
        <v>40</v>
      </c>
    </row>
    <row r="222" spans="1:6" s="9" customFormat="1" ht="24.95" customHeight="1" x14ac:dyDescent="0.25">
      <c r="A222" s="18" t="s">
        <v>89</v>
      </c>
      <c r="B222" s="154" t="s">
        <v>654</v>
      </c>
      <c r="C222" s="155"/>
      <c r="D222" s="19" t="s">
        <v>1</v>
      </c>
      <c r="E222" s="80">
        <v>220</v>
      </c>
    </row>
    <row r="223" spans="1:6" s="9" customFormat="1" ht="24.95" customHeight="1" x14ac:dyDescent="0.25">
      <c r="A223" s="18" t="s">
        <v>90</v>
      </c>
      <c r="B223" s="154" t="s">
        <v>655</v>
      </c>
      <c r="C223" s="155"/>
      <c r="D223" s="19" t="s">
        <v>1</v>
      </c>
      <c r="E223" s="80">
        <v>40</v>
      </c>
      <c r="F223" s="119"/>
    </row>
    <row r="224" spans="1:6" s="9" customFormat="1" ht="24.95" customHeight="1" x14ac:dyDescent="0.25">
      <c r="A224" s="18" t="s">
        <v>100</v>
      </c>
      <c r="B224" s="154" t="s">
        <v>656</v>
      </c>
      <c r="C224" s="155"/>
      <c r="D224" s="19" t="s">
        <v>1</v>
      </c>
      <c r="E224" s="80">
        <v>8</v>
      </c>
    </row>
    <row r="225" spans="1:5" s="9" customFormat="1" ht="24.95" customHeight="1" x14ac:dyDescent="0.25">
      <c r="A225" s="18" t="s">
        <v>101</v>
      </c>
      <c r="B225" s="154" t="s">
        <v>657</v>
      </c>
      <c r="C225" s="155"/>
      <c r="D225" s="19" t="s">
        <v>1</v>
      </c>
      <c r="E225" s="80">
        <v>8</v>
      </c>
    </row>
    <row r="226" spans="1:5" s="10" customFormat="1" ht="31.5" customHeight="1" x14ac:dyDescent="0.2">
      <c r="A226" s="151" t="s">
        <v>666</v>
      </c>
      <c r="B226" s="152"/>
      <c r="C226" s="152"/>
      <c r="D226" s="152"/>
      <c r="E226" s="153"/>
    </row>
    <row r="227" spans="1:5" s="9" customFormat="1" ht="24.95" customHeight="1" x14ac:dyDescent="0.25">
      <c r="A227" s="18" t="s">
        <v>69</v>
      </c>
      <c r="B227" s="154" t="s">
        <v>699</v>
      </c>
      <c r="C227" s="155"/>
      <c r="D227" s="19" t="s">
        <v>1</v>
      </c>
      <c r="E227" s="80">
        <v>80</v>
      </c>
    </row>
    <row r="228" spans="1:5" s="9" customFormat="1" ht="24.95" customHeight="1" x14ac:dyDescent="0.25">
      <c r="A228" s="18" t="s">
        <v>88</v>
      </c>
      <c r="B228" s="154" t="s">
        <v>700</v>
      </c>
      <c r="C228" s="155"/>
      <c r="D228" s="19" t="s">
        <v>1</v>
      </c>
      <c r="E228" s="80">
        <v>20</v>
      </c>
    </row>
    <row r="229" spans="1:5" s="9" customFormat="1" ht="24.95" customHeight="1" x14ac:dyDescent="0.25">
      <c r="A229" s="18" t="s">
        <v>89</v>
      </c>
      <c r="B229" s="154" t="s">
        <v>701</v>
      </c>
      <c r="C229" s="155"/>
      <c r="D229" s="19" t="s">
        <v>1</v>
      </c>
      <c r="E229" s="80">
        <v>10</v>
      </c>
    </row>
    <row r="230" spans="1:5" s="9" customFormat="1" ht="24.95" customHeight="1" x14ac:dyDescent="0.25">
      <c r="A230" s="18" t="s">
        <v>90</v>
      </c>
      <c r="B230" s="154" t="s">
        <v>702</v>
      </c>
      <c r="C230" s="155"/>
      <c r="D230" s="19" t="s">
        <v>1</v>
      </c>
      <c r="E230" s="80">
        <v>10</v>
      </c>
    </row>
    <row r="231" spans="1:5" s="9" customFormat="1" ht="24.95" customHeight="1" x14ac:dyDescent="0.25">
      <c r="A231" s="18" t="s">
        <v>100</v>
      </c>
      <c r="B231" s="154" t="s">
        <v>703</v>
      </c>
      <c r="C231" s="155"/>
      <c r="D231" s="19" t="s">
        <v>1</v>
      </c>
      <c r="E231" s="80">
        <v>10</v>
      </c>
    </row>
    <row r="232" spans="1:5" s="9" customFormat="1" ht="24.95" customHeight="1" x14ac:dyDescent="0.25">
      <c r="A232" s="18" t="s">
        <v>101</v>
      </c>
      <c r="B232" s="154" t="s">
        <v>704</v>
      </c>
      <c r="C232" s="155"/>
      <c r="D232" s="19" t="s">
        <v>1</v>
      </c>
      <c r="E232" s="80">
        <v>10</v>
      </c>
    </row>
    <row r="233" spans="1:5" s="10" customFormat="1" ht="31.5" customHeight="1" x14ac:dyDescent="0.2">
      <c r="A233" s="222" t="s">
        <v>705</v>
      </c>
      <c r="B233" s="223"/>
      <c r="C233" s="223"/>
      <c r="D233" s="223"/>
      <c r="E233" s="224"/>
    </row>
    <row r="234" spans="1:5" s="9" customFormat="1" ht="24.95" customHeight="1" x14ac:dyDescent="0.25">
      <c r="A234" s="225" t="s">
        <v>69</v>
      </c>
      <c r="B234" s="226" t="s">
        <v>955</v>
      </c>
      <c r="C234" s="163"/>
      <c r="D234" s="19" t="s">
        <v>1</v>
      </c>
      <c r="E234" s="80">
        <v>180</v>
      </c>
    </row>
    <row r="235" spans="1:5" s="10" customFormat="1" ht="31.5" customHeight="1" x14ac:dyDescent="0.2">
      <c r="A235" s="222" t="s">
        <v>706</v>
      </c>
      <c r="B235" s="223"/>
      <c r="C235" s="223"/>
      <c r="D235" s="223"/>
      <c r="E235" s="224"/>
    </row>
    <row r="236" spans="1:5" s="9" customFormat="1" ht="24.95" customHeight="1" x14ac:dyDescent="0.25">
      <c r="A236" s="225" t="s">
        <v>69</v>
      </c>
      <c r="B236" s="162" t="s">
        <v>707</v>
      </c>
      <c r="C236" s="163"/>
      <c r="D236" s="19" t="s">
        <v>1</v>
      </c>
      <c r="E236" s="80">
        <v>20</v>
      </c>
    </row>
    <row r="237" spans="1:5" s="10" customFormat="1" ht="31.5" customHeight="1" x14ac:dyDescent="0.2">
      <c r="A237" s="151" t="s">
        <v>709</v>
      </c>
      <c r="B237" s="152"/>
      <c r="C237" s="152"/>
      <c r="D237" s="152"/>
      <c r="E237" s="153"/>
    </row>
    <row r="238" spans="1:5" s="9" customFormat="1" ht="24.95" customHeight="1" x14ac:dyDescent="0.25">
      <c r="A238" s="18" t="s">
        <v>69</v>
      </c>
      <c r="B238" s="154" t="s">
        <v>712</v>
      </c>
      <c r="C238" s="155"/>
      <c r="D238" s="19" t="s">
        <v>1</v>
      </c>
      <c r="E238" s="80">
        <v>320</v>
      </c>
    </row>
    <row r="239" spans="1:5" s="10" customFormat="1" ht="31.5" customHeight="1" x14ac:dyDescent="0.2">
      <c r="A239" s="151" t="s">
        <v>713</v>
      </c>
      <c r="B239" s="152"/>
      <c r="C239" s="152"/>
      <c r="D239" s="152"/>
      <c r="E239" s="153"/>
    </row>
    <row r="240" spans="1:5" s="9" customFormat="1" ht="24.95" customHeight="1" x14ac:dyDescent="0.25">
      <c r="A240" s="18" t="s">
        <v>69</v>
      </c>
      <c r="B240" s="154" t="s">
        <v>714</v>
      </c>
      <c r="C240" s="155"/>
      <c r="D240" s="19" t="s">
        <v>1</v>
      </c>
      <c r="E240" s="80">
        <v>120</v>
      </c>
    </row>
    <row r="241" spans="1:5" s="10" customFormat="1" ht="31.5" customHeight="1" x14ac:dyDescent="0.2">
      <c r="A241" s="151" t="s">
        <v>944</v>
      </c>
      <c r="B241" s="152"/>
      <c r="C241" s="152"/>
      <c r="D241" s="152"/>
      <c r="E241" s="153"/>
    </row>
    <row r="242" spans="1:5" s="9" customFormat="1" ht="24.95" customHeight="1" x14ac:dyDescent="0.25">
      <c r="A242" s="18" t="s">
        <v>69</v>
      </c>
      <c r="B242" s="154" t="s">
        <v>724</v>
      </c>
      <c r="C242" s="155"/>
      <c r="D242" s="19" t="s">
        <v>1</v>
      </c>
      <c r="E242" s="80">
        <v>20</v>
      </c>
    </row>
    <row r="243" spans="1:5" s="10" customFormat="1" ht="31.5" customHeight="1" x14ac:dyDescent="0.2">
      <c r="A243" s="151" t="s">
        <v>725</v>
      </c>
      <c r="B243" s="152"/>
      <c r="C243" s="152"/>
      <c r="D243" s="152"/>
      <c r="E243" s="153"/>
    </row>
    <row r="244" spans="1:5" s="9" customFormat="1" ht="24.95" customHeight="1" x14ac:dyDescent="0.25">
      <c r="A244" s="18" t="s">
        <v>69</v>
      </c>
      <c r="B244" s="154" t="s">
        <v>726</v>
      </c>
      <c r="C244" s="155"/>
      <c r="D244" s="19" t="s">
        <v>1</v>
      </c>
      <c r="E244" s="80">
        <v>60</v>
      </c>
    </row>
    <row r="245" spans="1:5" s="10" customFormat="1" ht="31.5" customHeight="1" x14ac:dyDescent="0.2">
      <c r="A245" s="151" t="s">
        <v>732</v>
      </c>
      <c r="B245" s="152"/>
      <c r="C245" s="152"/>
      <c r="D245" s="152"/>
      <c r="E245" s="153"/>
    </row>
    <row r="246" spans="1:5" s="9" customFormat="1" ht="24.95" customHeight="1" x14ac:dyDescent="0.25">
      <c r="A246" s="18" t="s">
        <v>69</v>
      </c>
      <c r="B246" s="154" t="s">
        <v>741</v>
      </c>
      <c r="C246" s="155"/>
      <c r="D246" s="19" t="s">
        <v>1</v>
      </c>
      <c r="E246" s="80">
        <v>280</v>
      </c>
    </row>
    <row r="247" spans="1:5" s="9" customFormat="1" ht="24.95" customHeight="1" x14ac:dyDescent="0.25">
      <c r="A247" s="18" t="s">
        <v>88</v>
      </c>
      <c r="B247" s="154" t="s">
        <v>742</v>
      </c>
      <c r="C247" s="155"/>
      <c r="D247" s="19" t="s">
        <v>1</v>
      </c>
      <c r="E247" s="80">
        <v>1200</v>
      </c>
    </row>
    <row r="248" spans="1:5" s="10" customFormat="1" ht="31.5" customHeight="1" x14ac:dyDescent="0.2">
      <c r="A248" s="151" t="s">
        <v>743</v>
      </c>
      <c r="B248" s="152"/>
      <c r="C248" s="152"/>
      <c r="D248" s="152"/>
      <c r="E248" s="153"/>
    </row>
    <row r="249" spans="1:5" s="9" customFormat="1" ht="24.95" customHeight="1" x14ac:dyDescent="0.25">
      <c r="A249" s="18" t="s">
        <v>69</v>
      </c>
      <c r="B249" s="154" t="s">
        <v>744</v>
      </c>
      <c r="C249" s="155"/>
      <c r="D249" s="19" t="s">
        <v>1</v>
      </c>
      <c r="E249" s="80">
        <v>400</v>
      </c>
    </row>
    <row r="250" spans="1:5" s="9" customFormat="1" ht="24.95" customHeight="1" x14ac:dyDescent="0.25">
      <c r="A250" s="18" t="s">
        <v>88</v>
      </c>
      <c r="B250" s="154" t="s">
        <v>745</v>
      </c>
      <c r="C250" s="155"/>
      <c r="D250" s="19" t="s">
        <v>1</v>
      </c>
      <c r="E250" s="80">
        <v>100</v>
      </c>
    </row>
    <row r="251" spans="1:5" s="9" customFormat="1" ht="24.95" customHeight="1" x14ac:dyDescent="0.25">
      <c r="A251" s="18" t="s">
        <v>89</v>
      </c>
      <c r="B251" s="154" t="s">
        <v>746</v>
      </c>
      <c r="C251" s="155"/>
      <c r="D251" s="19" t="s">
        <v>1</v>
      </c>
      <c r="E251" s="80">
        <v>320</v>
      </c>
    </row>
    <row r="252" spans="1:5" s="9" customFormat="1" ht="24.95" customHeight="1" x14ac:dyDescent="0.25">
      <c r="A252" s="18" t="s">
        <v>90</v>
      </c>
      <c r="B252" s="154" t="s">
        <v>747</v>
      </c>
      <c r="C252" s="155"/>
      <c r="D252" s="19" t="s">
        <v>1</v>
      </c>
      <c r="E252" s="80">
        <v>200</v>
      </c>
    </row>
    <row r="253" spans="1:5" s="9" customFormat="1" ht="24.95" customHeight="1" x14ac:dyDescent="0.25">
      <c r="A253" s="18" t="s">
        <v>100</v>
      </c>
      <c r="B253" s="154" t="s">
        <v>748</v>
      </c>
      <c r="C253" s="155"/>
      <c r="D253" s="19" t="s">
        <v>1</v>
      </c>
      <c r="E253" s="80">
        <v>800</v>
      </c>
    </row>
    <row r="254" spans="1:5" s="9" customFormat="1" ht="24.95" customHeight="1" x14ac:dyDescent="0.25">
      <c r="A254" s="18" t="s">
        <v>101</v>
      </c>
      <c r="B254" s="154" t="s">
        <v>749</v>
      </c>
      <c r="C254" s="155"/>
      <c r="D254" s="19" t="s">
        <v>1</v>
      </c>
      <c r="E254" s="80">
        <v>360</v>
      </c>
    </row>
    <row r="255" spans="1:5" s="9" customFormat="1" ht="4.5" customHeight="1" x14ac:dyDescent="0.25">
      <c r="A255" s="15"/>
      <c r="B255" s="15"/>
      <c r="C255" s="15"/>
      <c r="D255" s="15"/>
      <c r="E255" s="15"/>
    </row>
    <row r="256" spans="1:5" s="9" customFormat="1" ht="20.100000000000001" customHeight="1" x14ac:dyDescent="0.25">
      <c r="A256" s="198" t="s">
        <v>18</v>
      </c>
      <c r="B256" s="199"/>
      <c r="C256" s="15"/>
      <c r="D256" s="15"/>
      <c r="E256" s="15"/>
    </row>
    <row r="257" spans="1:6" s="9" customFormat="1" ht="20.100000000000001" customHeight="1" x14ac:dyDescent="0.2">
      <c r="A257" s="10"/>
      <c r="B257" s="9" t="s">
        <v>2</v>
      </c>
      <c r="C257" s="15"/>
      <c r="D257" s="15"/>
      <c r="E257" s="15"/>
    </row>
    <row r="258" spans="1:6" s="9" customFormat="1" ht="20.100000000000001" customHeight="1" x14ac:dyDescent="0.25">
      <c r="A258" s="14"/>
      <c r="B258" s="2" t="s">
        <v>3</v>
      </c>
      <c r="C258" s="15"/>
      <c r="D258" s="15"/>
      <c r="E258" s="15"/>
    </row>
    <row r="259" spans="1:6" ht="5.0999999999999996" customHeight="1" x14ac:dyDescent="0.2"/>
    <row r="260" spans="1:6" s="2" customFormat="1" ht="20.100000000000001" customHeight="1" x14ac:dyDescent="0.25">
      <c r="A260" s="191" t="s">
        <v>22</v>
      </c>
      <c r="B260" s="191"/>
      <c r="C260" s="191"/>
      <c r="D260" s="191"/>
      <c r="E260" s="191"/>
    </row>
    <row r="261" spans="1:6" s="2" customFormat="1" ht="5.0999999999999996" customHeight="1" x14ac:dyDescent="0.25">
      <c r="A261" s="17"/>
      <c r="C261" s="6"/>
      <c r="D261" s="6"/>
      <c r="E261" s="6"/>
    </row>
    <row r="262" spans="1:6" s="2" customFormat="1" ht="30" customHeight="1" thickBot="1" x14ac:dyDescent="0.3">
      <c r="A262" s="133" t="s">
        <v>102</v>
      </c>
      <c r="B262" s="134"/>
      <c r="C262" s="134"/>
      <c r="D262" s="134"/>
      <c r="E262" s="134"/>
    </row>
    <row r="263" spans="1:6" s="3" customFormat="1" ht="93" customHeight="1" x14ac:dyDescent="0.25">
      <c r="A263" s="135" t="s">
        <v>0</v>
      </c>
      <c r="B263" s="136"/>
      <c r="C263" s="139" t="s">
        <v>24</v>
      </c>
      <c r="D263" s="140"/>
      <c r="E263" s="141"/>
      <c r="F263" s="26"/>
    </row>
    <row r="264" spans="1:6" s="3" customFormat="1" ht="30" customHeight="1" thickBot="1" x14ac:dyDescent="0.3">
      <c r="A264" s="137"/>
      <c r="B264" s="138"/>
      <c r="C264" s="27" t="s">
        <v>25</v>
      </c>
      <c r="D264" s="142" t="s">
        <v>26</v>
      </c>
      <c r="E264" s="143"/>
    </row>
    <row r="265" spans="1:6" s="3" customFormat="1" ht="30" customHeight="1" thickBot="1" x14ac:dyDescent="0.3">
      <c r="A265" s="144" t="s">
        <v>198</v>
      </c>
      <c r="B265" s="145"/>
      <c r="C265" s="145"/>
      <c r="D265" s="145"/>
      <c r="E265" s="146"/>
    </row>
    <row r="266" spans="1:6" s="28" customFormat="1" ht="30.75" customHeight="1" x14ac:dyDescent="0.25">
      <c r="A266" s="121" t="s">
        <v>105</v>
      </c>
      <c r="B266" s="122"/>
      <c r="C266" s="48"/>
      <c r="D266" s="48"/>
      <c r="E266" s="49"/>
    </row>
    <row r="267" spans="1:6" s="4" customFormat="1" ht="20.100000000000001" customHeight="1" x14ac:dyDescent="0.25">
      <c r="A267" s="56" t="s">
        <v>91</v>
      </c>
      <c r="B267" s="57" t="s">
        <v>125</v>
      </c>
      <c r="C267" s="51"/>
      <c r="D267" s="156"/>
      <c r="E267" s="157"/>
    </row>
    <row r="268" spans="1:6" s="4" customFormat="1" ht="20.100000000000001" customHeight="1" x14ac:dyDescent="0.25">
      <c r="A268" s="56" t="s">
        <v>92</v>
      </c>
      <c r="B268" s="57" t="s">
        <v>126</v>
      </c>
      <c r="C268" s="51"/>
      <c r="D268" s="160"/>
      <c r="E268" s="161"/>
    </row>
    <row r="269" spans="1:6" s="4" customFormat="1" ht="20.100000000000001" customHeight="1" x14ac:dyDescent="0.25">
      <c r="A269" s="56" t="s">
        <v>93</v>
      </c>
      <c r="B269" s="57" t="s">
        <v>127</v>
      </c>
      <c r="C269" s="51"/>
      <c r="D269" s="160"/>
      <c r="E269" s="161"/>
    </row>
    <row r="270" spans="1:6" s="4" customFormat="1" ht="20.100000000000001" customHeight="1" x14ac:dyDescent="0.25">
      <c r="A270" s="58" t="s">
        <v>94</v>
      </c>
      <c r="B270" s="57" t="s">
        <v>128</v>
      </c>
      <c r="C270" s="51"/>
      <c r="D270" s="160"/>
      <c r="E270" s="161"/>
    </row>
    <row r="271" spans="1:6" s="4" customFormat="1" ht="20.100000000000001" customHeight="1" x14ac:dyDescent="0.25">
      <c r="A271" s="58" t="s">
        <v>95</v>
      </c>
      <c r="B271" s="57" t="s">
        <v>129</v>
      </c>
      <c r="C271" s="51"/>
      <c r="D271" s="160"/>
      <c r="E271" s="161"/>
    </row>
    <row r="272" spans="1:6" s="4" customFormat="1" ht="20.100000000000001" customHeight="1" x14ac:dyDescent="0.25">
      <c r="A272" s="58" t="s">
        <v>96</v>
      </c>
      <c r="B272" s="57" t="s">
        <v>130</v>
      </c>
      <c r="C272" s="51"/>
      <c r="D272" s="160"/>
      <c r="E272" s="161"/>
    </row>
    <row r="273" spans="1:5" s="4" customFormat="1" ht="20.100000000000001" customHeight="1" x14ac:dyDescent="0.25">
      <c r="A273" s="58" t="s">
        <v>97</v>
      </c>
      <c r="B273" s="57" t="s">
        <v>131</v>
      </c>
      <c r="C273" s="51"/>
      <c r="D273" s="160"/>
      <c r="E273" s="161"/>
    </row>
    <row r="274" spans="1:5" s="4" customFormat="1" ht="20.100000000000001" customHeight="1" x14ac:dyDescent="0.25">
      <c r="A274" s="56" t="s">
        <v>106</v>
      </c>
      <c r="B274" s="57" t="s">
        <v>132</v>
      </c>
      <c r="C274" s="51"/>
      <c r="D274" s="160"/>
      <c r="E274" s="161"/>
    </row>
    <row r="275" spans="1:5" s="4" customFormat="1" ht="20.100000000000001" customHeight="1" x14ac:dyDescent="0.25">
      <c r="A275" s="56" t="s">
        <v>107</v>
      </c>
      <c r="B275" s="57" t="s">
        <v>133</v>
      </c>
      <c r="C275" s="51"/>
      <c r="D275" s="160"/>
      <c r="E275" s="161"/>
    </row>
    <row r="276" spans="1:5" s="4" customFormat="1" ht="20.100000000000001" customHeight="1" x14ac:dyDescent="0.25">
      <c r="A276" s="56" t="s">
        <v>108</v>
      </c>
      <c r="B276" s="57" t="s">
        <v>134</v>
      </c>
      <c r="C276" s="51"/>
      <c r="D276" s="160"/>
      <c r="E276" s="161"/>
    </row>
    <row r="277" spans="1:5" s="4" customFormat="1" ht="20.100000000000001" customHeight="1" x14ac:dyDescent="0.25">
      <c r="A277" s="58" t="s">
        <v>109</v>
      </c>
      <c r="B277" s="57" t="s">
        <v>135</v>
      </c>
      <c r="C277" s="51"/>
      <c r="D277" s="160"/>
      <c r="E277" s="161"/>
    </row>
    <row r="278" spans="1:5" s="4" customFormat="1" ht="20.100000000000001" customHeight="1" x14ac:dyDescent="0.25">
      <c r="A278" s="56" t="s">
        <v>110</v>
      </c>
      <c r="B278" s="57" t="s">
        <v>136</v>
      </c>
      <c r="C278" s="51"/>
      <c r="D278" s="160"/>
      <c r="E278" s="161"/>
    </row>
    <row r="279" spans="1:5" s="4" customFormat="1" ht="20.100000000000001" customHeight="1" x14ac:dyDescent="0.25">
      <c r="A279" s="56" t="s">
        <v>111</v>
      </c>
      <c r="B279" s="57" t="s">
        <v>137</v>
      </c>
      <c r="C279" s="51"/>
      <c r="D279" s="160"/>
      <c r="E279" s="161"/>
    </row>
    <row r="280" spans="1:5" s="4" customFormat="1" ht="20.100000000000001" customHeight="1" x14ac:dyDescent="0.25">
      <c r="A280" s="56" t="s">
        <v>112</v>
      </c>
      <c r="B280" s="57" t="s">
        <v>138</v>
      </c>
      <c r="C280" s="51"/>
      <c r="D280" s="160"/>
      <c r="E280" s="161"/>
    </row>
    <row r="281" spans="1:5" s="4" customFormat="1" ht="20.100000000000001" customHeight="1" x14ac:dyDescent="0.25">
      <c r="A281" s="56" t="s">
        <v>113</v>
      </c>
      <c r="B281" s="57" t="s">
        <v>139</v>
      </c>
      <c r="C281" s="51"/>
      <c r="D281" s="160"/>
      <c r="E281" s="161"/>
    </row>
    <row r="282" spans="1:5" s="4" customFormat="1" ht="20.100000000000001" customHeight="1" x14ac:dyDescent="0.25">
      <c r="A282" s="56" t="s">
        <v>114</v>
      </c>
      <c r="B282" s="57" t="s">
        <v>140</v>
      </c>
      <c r="C282" s="51"/>
      <c r="D282" s="160"/>
      <c r="E282" s="161"/>
    </row>
    <row r="283" spans="1:5" s="4" customFormat="1" ht="20.100000000000001" customHeight="1" x14ac:dyDescent="0.25">
      <c r="A283" s="58" t="s">
        <v>115</v>
      </c>
      <c r="B283" s="57" t="s">
        <v>141</v>
      </c>
      <c r="C283" s="51"/>
      <c r="D283" s="160"/>
      <c r="E283" s="161"/>
    </row>
    <row r="284" spans="1:5" s="4" customFormat="1" ht="20.100000000000001" customHeight="1" x14ac:dyDescent="0.25">
      <c r="A284" s="58" t="s">
        <v>116</v>
      </c>
      <c r="B284" s="57" t="s">
        <v>142</v>
      </c>
      <c r="C284" s="51"/>
      <c r="D284" s="160"/>
      <c r="E284" s="161"/>
    </row>
    <row r="285" spans="1:5" s="4" customFormat="1" ht="20.100000000000001" customHeight="1" x14ac:dyDescent="0.25">
      <c r="A285" s="58" t="s">
        <v>117</v>
      </c>
      <c r="B285" s="57" t="s">
        <v>143</v>
      </c>
      <c r="C285" s="51"/>
      <c r="D285" s="160"/>
      <c r="E285" s="161"/>
    </row>
    <row r="286" spans="1:5" s="4" customFormat="1" ht="20.100000000000001" customHeight="1" x14ac:dyDescent="0.25">
      <c r="A286" s="58" t="s">
        <v>118</v>
      </c>
      <c r="B286" s="57" t="s">
        <v>144</v>
      </c>
      <c r="C286" s="51"/>
      <c r="D286" s="160"/>
      <c r="E286" s="161"/>
    </row>
    <row r="287" spans="1:5" s="4" customFormat="1" ht="20.100000000000001" customHeight="1" x14ac:dyDescent="0.25">
      <c r="A287" s="56" t="s">
        <v>119</v>
      </c>
      <c r="B287" s="57" t="s">
        <v>145</v>
      </c>
      <c r="C287" s="51"/>
      <c r="D287" s="160"/>
      <c r="E287" s="161"/>
    </row>
    <row r="288" spans="1:5" s="4" customFormat="1" ht="20.100000000000001" customHeight="1" x14ac:dyDescent="0.25">
      <c r="A288" s="56" t="s">
        <v>120</v>
      </c>
      <c r="B288" s="57" t="s">
        <v>146</v>
      </c>
      <c r="C288" s="51"/>
      <c r="D288" s="160"/>
      <c r="E288" s="161"/>
    </row>
    <row r="289" spans="1:5" s="4" customFormat="1" ht="20.100000000000001" customHeight="1" x14ac:dyDescent="0.25">
      <c r="A289" s="56" t="s">
        <v>121</v>
      </c>
      <c r="B289" s="57" t="s">
        <v>147</v>
      </c>
      <c r="C289" s="51"/>
      <c r="D289" s="160"/>
      <c r="E289" s="161"/>
    </row>
    <row r="290" spans="1:5" s="4" customFormat="1" ht="20.100000000000001" customHeight="1" x14ac:dyDescent="0.25">
      <c r="A290" s="58" t="s">
        <v>122</v>
      </c>
      <c r="B290" s="57" t="s">
        <v>148</v>
      </c>
      <c r="C290" s="51"/>
      <c r="D290" s="160"/>
      <c r="E290" s="161"/>
    </row>
    <row r="291" spans="1:5" s="4" customFormat="1" ht="20.100000000000001" customHeight="1" x14ac:dyDescent="0.25">
      <c r="A291" s="56" t="s">
        <v>123</v>
      </c>
      <c r="B291" s="57" t="s">
        <v>149</v>
      </c>
      <c r="C291" s="51"/>
      <c r="D291" s="160"/>
      <c r="E291" s="161"/>
    </row>
    <row r="292" spans="1:5" s="4" customFormat="1" ht="20.100000000000001" customHeight="1" thickBot="1" x14ac:dyDescent="0.3">
      <c r="A292" s="56" t="s">
        <v>124</v>
      </c>
      <c r="B292" s="57" t="s">
        <v>150</v>
      </c>
      <c r="C292" s="51"/>
      <c r="D292" s="158"/>
      <c r="E292" s="159"/>
    </row>
    <row r="293" spans="1:5" s="28" customFormat="1" ht="30.75" customHeight="1" x14ac:dyDescent="0.25">
      <c r="A293" s="121" t="s">
        <v>151</v>
      </c>
      <c r="B293" s="122"/>
      <c r="C293" s="48"/>
      <c r="D293" s="48"/>
      <c r="E293" s="49"/>
    </row>
    <row r="294" spans="1:5" s="4" customFormat="1" ht="30" customHeight="1" x14ac:dyDescent="0.25">
      <c r="A294" s="168" t="s">
        <v>152</v>
      </c>
      <c r="B294" s="169"/>
      <c r="C294" s="73"/>
      <c r="D294" s="202"/>
      <c r="E294" s="203"/>
    </row>
    <row r="295" spans="1:5" s="4" customFormat="1" ht="30" customHeight="1" x14ac:dyDescent="0.25">
      <c r="A295" s="58">
        <v>44563</v>
      </c>
      <c r="B295" s="79" t="s">
        <v>766</v>
      </c>
      <c r="C295" s="73"/>
      <c r="D295" s="166"/>
      <c r="E295" s="167"/>
    </row>
    <row r="296" spans="1:5" s="4" customFormat="1" ht="20.100000000000001" customHeight="1" x14ac:dyDescent="0.25">
      <c r="A296" s="58">
        <v>44594</v>
      </c>
      <c r="B296" s="79" t="s">
        <v>170</v>
      </c>
      <c r="C296" s="73"/>
      <c r="D296" s="166"/>
      <c r="E296" s="167"/>
    </row>
    <row r="297" spans="1:5" s="4" customFormat="1" ht="20.100000000000001" customHeight="1" x14ac:dyDescent="0.25">
      <c r="A297" s="58">
        <v>44622</v>
      </c>
      <c r="B297" s="79" t="s">
        <v>171</v>
      </c>
      <c r="C297" s="73"/>
      <c r="D297" s="166"/>
      <c r="E297" s="167"/>
    </row>
    <row r="298" spans="1:5" s="4" customFormat="1" ht="20.100000000000001" customHeight="1" x14ac:dyDescent="0.25">
      <c r="A298" s="58">
        <v>44653</v>
      </c>
      <c r="B298" s="79" t="s">
        <v>172</v>
      </c>
      <c r="C298" s="73"/>
      <c r="D298" s="166"/>
      <c r="E298" s="167"/>
    </row>
    <row r="299" spans="1:5" s="4" customFormat="1" ht="20.100000000000001" customHeight="1" x14ac:dyDescent="0.25">
      <c r="A299" s="58">
        <v>44683</v>
      </c>
      <c r="B299" s="79" t="s">
        <v>173</v>
      </c>
      <c r="C299" s="73"/>
      <c r="D299" s="166"/>
      <c r="E299" s="167"/>
    </row>
    <row r="300" spans="1:5" s="4" customFormat="1" ht="20.100000000000001" customHeight="1" x14ac:dyDescent="0.25">
      <c r="A300" s="58">
        <v>44714</v>
      </c>
      <c r="B300" s="79" t="s">
        <v>174</v>
      </c>
      <c r="C300" s="73"/>
      <c r="D300" s="166"/>
      <c r="E300" s="167"/>
    </row>
    <row r="301" spans="1:5" s="4" customFormat="1" ht="24.95" customHeight="1" x14ac:dyDescent="0.25">
      <c r="A301" s="58">
        <v>44744</v>
      </c>
      <c r="B301" s="79" t="s">
        <v>175</v>
      </c>
      <c r="C301" s="73"/>
      <c r="D301" s="166"/>
      <c r="E301" s="167"/>
    </row>
    <row r="302" spans="1:5" s="4" customFormat="1" ht="20.100000000000001" customHeight="1" x14ac:dyDescent="0.25">
      <c r="A302" s="58">
        <v>44775</v>
      </c>
      <c r="B302" s="79" t="s">
        <v>176</v>
      </c>
      <c r="C302" s="73"/>
      <c r="D302" s="166"/>
      <c r="E302" s="167"/>
    </row>
    <row r="303" spans="1:5" s="4" customFormat="1" ht="20.100000000000001" customHeight="1" x14ac:dyDescent="0.25">
      <c r="A303" s="58">
        <v>44806</v>
      </c>
      <c r="B303" s="79" t="s">
        <v>177</v>
      </c>
      <c r="C303" s="73"/>
      <c r="D303" s="166"/>
      <c r="E303" s="167"/>
    </row>
    <row r="304" spans="1:5" s="4" customFormat="1" ht="20.100000000000001" customHeight="1" x14ac:dyDescent="0.25">
      <c r="A304" s="58">
        <v>44836</v>
      </c>
      <c r="B304" s="79" t="s">
        <v>178</v>
      </c>
      <c r="C304" s="73"/>
      <c r="D304" s="166"/>
      <c r="E304" s="167"/>
    </row>
    <row r="305" spans="1:5" s="4" customFormat="1" ht="20.100000000000001" customHeight="1" x14ac:dyDescent="0.25">
      <c r="A305" s="58">
        <v>44867</v>
      </c>
      <c r="B305" s="79" t="s">
        <v>179</v>
      </c>
      <c r="C305" s="73"/>
      <c r="D305" s="166"/>
      <c r="E305" s="167"/>
    </row>
    <row r="306" spans="1:5" s="4" customFormat="1" ht="20.100000000000001" customHeight="1" x14ac:dyDescent="0.25">
      <c r="A306" s="58">
        <v>44897</v>
      </c>
      <c r="B306" s="79" t="s">
        <v>180</v>
      </c>
      <c r="C306" s="73"/>
      <c r="D306" s="166"/>
      <c r="E306" s="167"/>
    </row>
    <row r="307" spans="1:5" s="4" customFormat="1" ht="30" customHeight="1" x14ac:dyDescent="0.25">
      <c r="A307" s="81" t="s">
        <v>153</v>
      </c>
      <c r="B307" s="79" t="s">
        <v>181</v>
      </c>
      <c r="C307" s="73"/>
      <c r="D307" s="166"/>
      <c r="E307" s="167"/>
    </row>
    <row r="308" spans="1:5" s="4" customFormat="1" ht="20.100000000000001" customHeight="1" x14ac:dyDescent="0.25">
      <c r="A308" s="81" t="s">
        <v>154</v>
      </c>
      <c r="B308" s="79" t="s">
        <v>182</v>
      </c>
      <c r="C308" s="73"/>
      <c r="D308" s="166"/>
      <c r="E308" s="167"/>
    </row>
    <row r="309" spans="1:5" s="4" customFormat="1" ht="20.100000000000001" customHeight="1" x14ac:dyDescent="0.25">
      <c r="A309" s="81" t="s">
        <v>155</v>
      </c>
      <c r="B309" s="79" t="s">
        <v>183</v>
      </c>
      <c r="C309" s="73"/>
      <c r="D309" s="166"/>
      <c r="E309" s="167"/>
    </row>
    <row r="310" spans="1:5" s="4" customFormat="1" ht="20.100000000000001" customHeight="1" x14ac:dyDescent="0.25">
      <c r="A310" s="81" t="s">
        <v>156</v>
      </c>
      <c r="B310" s="79" t="s">
        <v>184</v>
      </c>
      <c r="C310" s="73"/>
      <c r="D310" s="166"/>
      <c r="E310" s="167"/>
    </row>
    <row r="311" spans="1:5" s="4" customFormat="1" ht="20.100000000000001" customHeight="1" x14ac:dyDescent="0.25">
      <c r="A311" s="81" t="s">
        <v>157</v>
      </c>
      <c r="B311" s="79" t="s">
        <v>185</v>
      </c>
      <c r="C311" s="73"/>
      <c r="D311" s="166"/>
      <c r="E311" s="167"/>
    </row>
    <row r="312" spans="1:5" s="4" customFormat="1" ht="20.100000000000001" customHeight="1" x14ac:dyDescent="0.25">
      <c r="A312" s="81" t="s">
        <v>158</v>
      </c>
      <c r="B312" s="79" t="s">
        <v>186</v>
      </c>
      <c r="C312" s="73"/>
      <c r="D312" s="166"/>
      <c r="E312" s="167"/>
    </row>
    <row r="313" spans="1:5" s="4" customFormat="1" ht="20.100000000000001" customHeight="1" x14ac:dyDescent="0.25">
      <c r="A313" s="81" t="s">
        <v>159</v>
      </c>
      <c r="B313" s="79" t="s">
        <v>187</v>
      </c>
      <c r="C313" s="73"/>
      <c r="D313" s="166"/>
      <c r="E313" s="167"/>
    </row>
    <row r="314" spans="1:5" s="4" customFormat="1" ht="20.100000000000001" customHeight="1" x14ac:dyDescent="0.25">
      <c r="A314" s="81" t="s">
        <v>160</v>
      </c>
      <c r="B314" s="79" t="s">
        <v>188</v>
      </c>
      <c r="C314" s="73"/>
      <c r="D314" s="166"/>
      <c r="E314" s="167"/>
    </row>
    <row r="315" spans="1:5" s="4" customFormat="1" ht="20.100000000000001" customHeight="1" x14ac:dyDescent="0.25">
      <c r="A315" s="81" t="s">
        <v>161</v>
      </c>
      <c r="B315" s="79" t="s">
        <v>189</v>
      </c>
      <c r="C315" s="73"/>
      <c r="D315" s="166"/>
      <c r="E315" s="167"/>
    </row>
    <row r="316" spans="1:5" s="4" customFormat="1" ht="20.100000000000001" customHeight="1" x14ac:dyDescent="0.25">
      <c r="A316" s="81" t="s">
        <v>162</v>
      </c>
      <c r="B316" s="79" t="s">
        <v>190</v>
      </c>
      <c r="C316" s="73"/>
      <c r="D316" s="166"/>
      <c r="E316" s="167"/>
    </row>
    <row r="317" spans="1:5" s="4" customFormat="1" ht="20.100000000000001" customHeight="1" x14ac:dyDescent="0.25">
      <c r="A317" s="81" t="s">
        <v>163</v>
      </c>
      <c r="B317" s="79" t="s">
        <v>191</v>
      </c>
      <c r="C317" s="73"/>
      <c r="D317" s="166"/>
      <c r="E317" s="167"/>
    </row>
    <row r="318" spans="1:5" s="4" customFormat="1" ht="20.100000000000001" customHeight="1" x14ac:dyDescent="0.25">
      <c r="A318" s="81" t="s">
        <v>164</v>
      </c>
      <c r="B318" s="82" t="s">
        <v>192</v>
      </c>
      <c r="C318" s="73"/>
      <c r="D318" s="166"/>
      <c r="E318" s="167"/>
    </row>
    <row r="319" spans="1:5" s="4" customFormat="1" ht="20.100000000000001" customHeight="1" x14ac:dyDescent="0.25">
      <c r="A319" s="81" t="s">
        <v>165</v>
      </c>
      <c r="B319" s="79" t="s">
        <v>193</v>
      </c>
      <c r="C319" s="73"/>
      <c r="D319" s="166"/>
      <c r="E319" s="167"/>
    </row>
    <row r="320" spans="1:5" s="4" customFormat="1" ht="20.100000000000001" customHeight="1" x14ac:dyDescent="0.25">
      <c r="A320" s="81" t="s">
        <v>166</v>
      </c>
      <c r="B320" s="79" t="s">
        <v>194</v>
      </c>
      <c r="C320" s="73"/>
      <c r="D320" s="166"/>
      <c r="E320" s="167"/>
    </row>
    <row r="321" spans="1:6" s="4" customFormat="1" ht="20.100000000000001" customHeight="1" x14ac:dyDescent="0.25">
      <c r="A321" s="81" t="s">
        <v>167</v>
      </c>
      <c r="B321" s="79" t="s">
        <v>195</v>
      </c>
      <c r="C321" s="73"/>
      <c r="D321" s="166"/>
      <c r="E321" s="167"/>
    </row>
    <row r="322" spans="1:6" s="4" customFormat="1" ht="20.100000000000001" customHeight="1" x14ac:dyDescent="0.25">
      <c r="A322" s="81" t="s">
        <v>168</v>
      </c>
      <c r="B322" s="79" t="s">
        <v>196</v>
      </c>
      <c r="C322" s="73"/>
      <c r="D322" s="166"/>
      <c r="E322" s="167"/>
    </row>
    <row r="323" spans="1:6" s="4" customFormat="1" ht="20.100000000000001" customHeight="1" thickBot="1" x14ac:dyDescent="0.3">
      <c r="A323" s="83" t="s">
        <v>169</v>
      </c>
      <c r="B323" s="84" t="s">
        <v>197</v>
      </c>
      <c r="C323" s="101"/>
      <c r="D323" s="217"/>
      <c r="E323" s="218"/>
    </row>
    <row r="324" spans="1:6" s="3" customFormat="1" ht="20.100000000000001" customHeight="1" x14ac:dyDescent="0.25">
      <c r="A324" s="5"/>
      <c r="B324" s="5"/>
      <c r="C324" s="7"/>
      <c r="D324" s="7"/>
      <c r="E324" s="29"/>
    </row>
    <row r="325" spans="1:6" s="2" customFormat="1" ht="30" customHeight="1" thickBot="1" x14ac:dyDescent="0.3">
      <c r="A325" s="133" t="s">
        <v>199</v>
      </c>
      <c r="B325" s="134"/>
      <c r="C325" s="134"/>
      <c r="D325" s="134"/>
      <c r="E325" s="134"/>
    </row>
    <row r="326" spans="1:6" s="3" customFormat="1" ht="93" customHeight="1" x14ac:dyDescent="0.25">
      <c r="A326" s="135" t="s">
        <v>0</v>
      </c>
      <c r="B326" s="136"/>
      <c r="C326" s="139" t="s">
        <v>24</v>
      </c>
      <c r="D326" s="140"/>
      <c r="E326" s="141"/>
      <c r="F326" s="26"/>
    </row>
    <row r="327" spans="1:6" s="3" customFormat="1" ht="30" customHeight="1" thickBot="1" x14ac:dyDescent="0.3">
      <c r="A327" s="137"/>
      <c r="B327" s="138"/>
      <c r="C327" s="27" t="s">
        <v>25</v>
      </c>
      <c r="D327" s="142" t="s">
        <v>26</v>
      </c>
      <c r="E327" s="143"/>
    </row>
    <row r="328" spans="1:6" s="3" customFormat="1" ht="60" customHeight="1" thickBot="1" x14ac:dyDescent="0.3">
      <c r="A328" s="144" t="s">
        <v>200</v>
      </c>
      <c r="B328" s="145"/>
      <c r="C328" s="145"/>
      <c r="D328" s="145"/>
      <c r="E328" s="146"/>
    </row>
    <row r="329" spans="1:6" s="28" customFormat="1" ht="30.75" customHeight="1" x14ac:dyDescent="0.25">
      <c r="A329" s="121" t="s">
        <v>201</v>
      </c>
      <c r="B329" s="122"/>
      <c r="C329" s="48"/>
      <c r="D329" s="48"/>
      <c r="E329" s="49"/>
    </row>
    <row r="330" spans="1:6" s="4" customFormat="1" ht="30" customHeight="1" thickBot="1" x14ac:dyDescent="0.3">
      <c r="A330" s="56" t="s">
        <v>91</v>
      </c>
      <c r="B330" s="57" t="s">
        <v>202</v>
      </c>
      <c r="C330" s="51"/>
      <c r="D330" s="147"/>
      <c r="E330" s="148"/>
    </row>
    <row r="331" spans="1:6" s="28" customFormat="1" ht="30.75" customHeight="1" x14ac:dyDescent="0.25">
      <c r="A331" s="121" t="s">
        <v>203</v>
      </c>
      <c r="B331" s="122"/>
      <c r="C331" s="48"/>
      <c r="D331" s="48"/>
      <c r="E331" s="49"/>
    </row>
    <row r="332" spans="1:6" s="4" customFormat="1" ht="39.950000000000003" customHeight="1" thickBot="1" x14ac:dyDescent="0.3">
      <c r="A332" s="58" t="s">
        <v>207</v>
      </c>
      <c r="B332" s="57" t="s">
        <v>204</v>
      </c>
      <c r="C332" s="51"/>
      <c r="D332" s="147"/>
      <c r="E332" s="148"/>
    </row>
    <row r="333" spans="1:6" s="28" customFormat="1" ht="30.75" customHeight="1" x14ac:dyDescent="0.25">
      <c r="A333" s="121" t="s">
        <v>205</v>
      </c>
      <c r="B333" s="122"/>
      <c r="C333" s="48"/>
      <c r="D333" s="48"/>
      <c r="E333" s="49"/>
    </row>
    <row r="334" spans="1:6" s="4" customFormat="1" ht="80.099999999999994" customHeight="1" thickBot="1" x14ac:dyDescent="0.3">
      <c r="A334" s="58">
        <v>44564</v>
      </c>
      <c r="B334" s="57" t="s">
        <v>206</v>
      </c>
      <c r="C334" s="51"/>
      <c r="D334" s="147"/>
      <c r="E334" s="148"/>
    </row>
    <row r="335" spans="1:6" s="28" customFormat="1" ht="30.75" customHeight="1" x14ac:dyDescent="0.25">
      <c r="A335" s="121" t="s">
        <v>208</v>
      </c>
      <c r="B335" s="122"/>
      <c r="C335" s="48"/>
      <c r="D335" s="48"/>
      <c r="E335" s="49"/>
    </row>
    <row r="336" spans="1:6" s="4" customFormat="1" ht="30" customHeight="1" thickBot="1" x14ac:dyDescent="0.3">
      <c r="A336" s="58">
        <v>44565</v>
      </c>
      <c r="B336" s="57" t="s">
        <v>771</v>
      </c>
      <c r="C336" s="51"/>
      <c r="D336" s="147"/>
      <c r="E336" s="148"/>
    </row>
    <row r="337" spans="1:6" s="28" customFormat="1" ht="30.75" customHeight="1" x14ac:dyDescent="0.25">
      <c r="A337" s="121" t="s">
        <v>209</v>
      </c>
      <c r="B337" s="122"/>
      <c r="C337" s="48"/>
      <c r="D337" s="48"/>
      <c r="E337" s="49"/>
    </row>
    <row r="338" spans="1:6" s="4" customFormat="1" ht="60" customHeight="1" thickBot="1" x14ac:dyDescent="0.3">
      <c r="A338" s="58">
        <v>44566</v>
      </c>
      <c r="B338" s="57" t="s">
        <v>210</v>
      </c>
      <c r="C338" s="51"/>
      <c r="D338" s="147"/>
      <c r="E338" s="148"/>
    </row>
    <row r="339" spans="1:6" s="28" customFormat="1" ht="30.75" customHeight="1" x14ac:dyDescent="0.25">
      <c r="A339" s="121" t="s">
        <v>211</v>
      </c>
      <c r="B339" s="122"/>
      <c r="C339" s="48"/>
      <c r="D339" s="48"/>
      <c r="E339" s="49"/>
    </row>
    <row r="340" spans="1:6" s="4" customFormat="1" ht="60" customHeight="1" thickBot="1" x14ac:dyDescent="0.3">
      <c r="A340" s="86">
        <v>44567</v>
      </c>
      <c r="B340" s="87" t="s">
        <v>770</v>
      </c>
      <c r="C340" s="85"/>
      <c r="D340" s="149"/>
      <c r="E340" s="150"/>
    </row>
    <row r="341" spans="1:6" s="3" customFormat="1" ht="20.100000000000001" customHeight="1" x14ac:dyDescent="0.25">
      <c r="A341" s="5"/>
      <c r="B341" s="5"/>
      <c r="C341" s="7"/>
      <c r="D341" s="7"/>
      <c r="E341" s="29"/>
    </row>
    <row r="342" spans="1:6" s="2" customFormat="1" ht="30" customHeight="1" thickBot="1" x14ac:dyDescent="0.3">
      <c r="A342" s="133" t="s">
        <v>212</v>
      </c>
      <c r="B342" s="134"/>
      <c r="C342" s="134"/>
      <c r="D342" s="134"/>
      <c r="E342" s="134"/>
    </row>
    <row r="343" spans="1:6" s="3" customFormat="1" ht="93" customHeight="1" x14ac:dyDescent="0.25">
      <c r="A343" s="135" t="s">
        <v>0</v>
      </c>
      <c r="B343" s="136"/>
      <c r="C343" s="139" t="s">
        <v>24</v>
      </c>
      <c r="D343" s="140"/>
      <c r="E343" s="141"/>
      <c r="F343" s="26"/>
    </row>
    <row r="344" spans="1:6" s="3" customFormat="1" ht="30" customHeight="1" thickBot="1" x14ac:dyDescent="0.3">
      <c r="A344" s="137"/>
      <c r="B344" s="138"/>
      <c r="C344" s="27" t="s">
        <v>25</v>
      </c>
      <c r="D344" s="142" t="s">
        <v>26</v>
      </c>
      <c r="E344" s="143"/>
    </row>
    <row r="345" spans="1:6" s="3" customFormat="1" ht="60" customHeight="1" thickBot="1" x14ac:dyDescent="0.3">
      <c r="A345" s="144" t="s">
        <v>213</v>
      </c>
      <c r="B345" s="145"/>
      <c r="C345" s="145"/>
      <c r="D345" s="145"/>
      <c r="E345" s="146"/>
    </row>
    <row r="346" spans="1:6" s="28" customFormat="1" ht="30.75" customHeight="1" x14ac:dyDescent="0.25">
      <c r="A346" s="121" t="s">
        <v>214</v>
      </c>
      <c r="B346" s="122"/>
      <c r="C346" s="48"/>
      <c r="D346" s="48"/>
      <c r="E346" s="49"/>
    </row>
    <row r="347" spans="1:6" s="4" customFormat="1" ht="80.099999999999994" customHeight="1" thickBot="1" x14ac:dyDescent="0.3">
      <c r="A347" s="56" t="s">
        <v>91</v>
      </c>
      <c r="B347" s="57" t="s">
        <v>215</v>
      </c>
      <c r="C347" s="51"/>
      <c r="D347" s="147"/>
      <c r="E347" s="148"/>
    </row>
    <row r="348" spans="1:6" s="28" customFormat="1" ht="30.75" customHeight="1" x14ac:dyDescent="0.25">
      <c r="A348" s="121" t="s">
        <v>216</v>
      </c>
      <c r="B348" s="122"/>
      <c r="C348" s="48"/>
      <c r="D348" s="48"/>
      <c r="E348" s="49"/>
    </row>
    <row r="349" spans="1:6" s="4" customFormat="1" ht="60" customHeight="1" x14ac:dyDescent="0.25">
      <c r="A349" s="58" t="s">
        <v>207</v>
      </c>
      <c r="B349" s="57" t="s">
        <v>769</v>
      </c>
      <c r="C349" s="51"/>
      <c r="D349" s="156"/>
      <c r="E349" s="157"/>
    </row>
    <row r="350" spans="1:6" s="4" customFormat="1" ht="65.099999999999994" customHeight="1" thickBot="1" x14ac:dyDescent="0.3">
      <c r="A350" s="58" t="s">
        <v>217</v>
      </c>
      <c r="B350" s="57" t="s">
        <v>768</v>
      </c>
      <c r="C350" s="51"/>
      <c r="D350" s="215"/>
      <c r="E350" s="216"/>
    </row>
    <row r="351" spans="1:6" s="28" customFormat="1" ht="30.75" customHeight="1" x14ac:dyDescent="0.25">
      <c r="A351" s="121" t="s">
        <v>218</v>
      </c>
      <c r="B351" s="122"/>
      <c r="C351" s="48"/>
      <c r="D351" s="48"/>
      <c r="E351" s="49"/>
    </row>
    <row r="352" spans="1:6" s="4" customFormat="1" ht="50.1" customHeight="1" thickBot="1" x14ac:dyDescent="0.3">
      <c r="A352" s="88">
        <v>44564</v>
      </c>
      <c r="B352" s="89" t="s">
        <v>767</v>
      </c>
      <c r="C352" s="85"/>
      <c r="D352" s="149"/>
      <c r="E352" s="150"/>
    </row>
    <row r="353" spans="1:6" s="3" customFormat="1" ht="20.100000000000001" customHeight="1" x14ac:dyDescent="0.25">
      <c r="A353" s="5"/>
      <c r="B353" s="5"/>
      <c r="C353" s="7"/>
      <c r="D353" s="7"/>
      <c r="E353" s="29"/>
    </row>
    <row r="354" spans="1:6" s="2" customFormat="1" ht="30" customHeight="1" thickBot="1" x14ac:dyDescent="0.3">
      <c r="A354" s="133" t="s">
        <v>219</v>
      </c>
      <c r="B354" s="134"/>
      <c r="C354" s="134"/>
      <c r="D354" s="134"/>
      <c r="E354" s="134"/>
    </row>
    <row r="355" spans="1:6" s="3" customFormat="1" ht="93" customHeight="1" x14ac:dyDescent="0.25">
      <c r="A355" s="135" t="s">
        <v>0</v>
      </c>
      <c r="B355" s="136"/>
      <c r="C355" s="139" t="s">
        <v>24</v>
      </c>
      <c r="D355" s="140"/>
      <c r="E355" s="141"/>
      <c r="F355" s="26"/>
    </row>
    <row r="356" spans="1:6" s="3" customFormat="1" ht="30" customHeight="1" thickBot="1" x14ac:dyDescent="0.3">
      <c r="A356" s="137"/>
      <c r="B356" s="138"/>
      <c r="C356" s="27" t="s">
        <v>25</v>
      </c>
      <c r="D356" s="142" t="s">
        <v>26</v>
      </c>
      <c r="E356" s="143"/>
    </row>
    <row r="357" spans="1:6" s="3" customFormat="1" ht="30" customHeight="1" thickBot="1" x14ac:dyDescent="0.3">
      <c r="A357" s="144" t="s">
        <v>220</v>
      </c>
      <c r="B357" s="145"/>
      <c r="C357" s="145"/>
      <c r="D357" s="145"/>
      <c r="E357" s="146"/>
    </row>
    <row r="358" spans="1:6" s="28" customFormat="1" ht="30.75" customHeight="1" x14ac:dyDescent="0.25">
      <c r="A358" s="121" t="s">
        <v>221</v>
      </c>
      <c r="B358" s="122"/>
      <c r="C358" s="48"/>
      <c r="D358" s="48"/>
      <c r="E358" s="49"/>
    </row>
    <row r="359" spans="1:6" s="4" customFormat="1" ht="80.099999999999994" customHeight="1" thickBot="1" x14ac:dyDescent="0.3">
      <c r="A359" s="56" t="s">
        <v>91</v>
      </c>
      <c r="B359" s="57" t="s">
        <v>222</v>
      </c>
      <c r="C359" s="51"/>
      <c r="D359" s="147"/>
      <c r="E359" s="148"/>
    </row>
    <row r="360" spans="1:6" s="28" customFormat="1" ht="30.75" customHeight="1" x14ac:dyDescent="0.25">
      <c r="A360" s="121" t="s">
        <v>223</v>
      </c>
      <c r="B360" s="122"/>
      <c r="C360" s="48"/>
      <c r="D360" s="48"/>
      <c r="E360" s="49"/>
    </row>
    <row r="361" spans="1:6" s="4" customFormat="1" ht="69.95" customHeight="1" thickBot="1" x14ac:dyDescent="0.3">
      <c r="A361" s="88" t="s">
        <v>207</v>
      </c>
      <c r="B361" s="89" t="s">
        <v>772</v>
      </c>
      <c r="C361" s="85"/>
      <c r="D361" s="149"/>
      <c r="E361" s="150"/>
    </row>
    <row r="362" spans="1:6" s="3" customFormat="1" ht="20.100000000000001" customHeight="1" x14ac:dyDescent="0.25">
      <c r="A362" s="5"/>
      <c r="B362" s="5"/>
      <c r="C362" s="7"/>
      <c r="D362" s="7"/>
      <c r="E362" s="29"/>
    </row>
    <row r="363" spans="1:6" s="2" customFormat="1" ht="30" customHeight="1" thickBot="1" x14ac:dyDescent="0.3">
      <c r="A363" s="133" t="s">
        <v>224</v>
      </c>
      <c r="B363" s="134"/>
      <c r="C363" s="134"/>
      <c r="D363" s="134"/>
      <c r="E363" s="134"/>
    </row>
    <row r="364" spans="1:6" s="3" customFormat="1" ht="93" customHeight="1" x14ac:dyDescent="0.25">
      <c r="A364" s="135" t="s">
        <v>0</v>
      </c>
      <c r="B364" s="136"/>
      <c r="C364" s="139" t="s">
        <v>24</v>
      </c>
      <c r="D364" s="140"/>
      <c r="E364" s="141"/>
      <c r="F364" s="26"/>
    </row>
    <row r="365" spans="1:6" s="3" customFormat="1" ht="30" customHeight="1" thickBot="1" x14ac:dyDescent="0.3">
      <c r="A365" s="137"/>
      <c r="B365" s="138"/>
      <c r="C365" s="27" t="s">
        <v>25</v>
      </c>
      <c r="D365" s="142" t="s">
        <v>26</v>
      </c>
      <c r="E365" s="143"/>
    </row>
    <row r="366" spans="1:6" s="3" customFormat="1" ht="39.950000000000003" customHeight="1" thickBot="1" x14ac:dyDescent="0.3">
      <c r="A366" s="144" t="s">
        <v>225</v>
      </c>
      <c r="B366" s="145"/>
      <c r="C366" s="145"/>
      <c r="D366" s="145"/>
      <c r="E366" s="146"/>
    </row>
    <row r="367" spans="1:6" s="28" customFormat="1" ht="30.75" customHeight="1" x14ac:dyDescent="0.25">
      <c r="A367" s="121" t="s">
        <v>226</v>
      </c>
      <c r="B367" s="122"/>
      <c r="C367" s="48"/>
      <c r="D367" s="48"/>
      <c r="E367" s="49"/>
    </row>
    <row r="368" spans="1:6" s="4" customFormat="1" ht="80.099999999999994" customHeight="1" thickBot="1" x14ac:dyDescent="0.3">
      <c r="A368" s="56" t="s">
        <v>91</v>
      </c>
      <c r="B368" s="57" t="s">
        <v>773</v>
      </c>
      <c r="C368" s="51"/>
      <c r="D368" s="147"/>
      <c r="E368" s="148"/>
    </row>
    <row r="369" spans="1:6" s="28" customFormat="1" ht="30.75" customHeight="1" x14ac:dyDescent="0.25">
      <c r="A369" s="121" t="s">
        <v>227</v>
      </c>
      <c r="B369" s="122"/>
      <c r="C369" s="48"/>
      <c r="D369" s="48"/>
      <c r="E369" s="49"/>
    </row>
    <row r="370" spans="1:6" s="4" customFormat="1" ht="60" customHeight="1" thickBot="1" x14ac:dyDescent="0.3">
      <c r="A370" s="58" t="s">
        <v>207</v>
      </c>
      <c r="B370" s="57" t="s">
        <v>774</v>
      </c>
      <c r="C370" s="51"/>
      <c r="D370" s="147"/>
      <c r="E370" s="148"/>
    </row>
    <row r="371" spans="1:6" s="28" customFormat="1" ht="30.75" customHeight="1" x14ac:dyDescent="0.25">
      <c r="A371" s="121" t="s">
        <v>228</v>
      </c>
      <c r="B371" s="122"/>
      <c r="C371" s="48"/>
      <c r="D371" s="48"/>
      <c r="E371" s="49"/>
    </row>
    <row r="372" spans="1:6" s="4" customFormat="1" ht="60" customHeight="1" thickBot="1" x14ac:dyDescent="0.3">
      <c r="A372" s="88">
        <v>44564</v>
      </c>
      <c r="B372" s="89" t="s">
        <v>229</v>
      </c>
      <c r="C372" s="85"/>
      <c r="D372" s="149"/>
      <c r="E372" s="150"/>
    </row>
    <row r="373" spans="1:6" s="3" customFormat="1" ht="20.100000000000001" customHeight="1" x14ac:dyDescent="0.25">
      <c r="A373" s="5"/>
      <c r="B373" s="5"/>
      <c r="C373" s="7"/>
      <c r="D373" s="7"/>
      <c r="E373" s="29"/>
    </row>
    <row r="374" spans="1:6" s="2" customFormat="1" ht="30" customHeight="1" thickBot="1" x14ac:dyDescent="0.3">
      <c r="A374" s="133" t="s">
        <v>230</v>
      </c>
      <c r="B374" s="134"/>
      <c r="C374" s="134"/>
      <c r="D374" s="134"/>
      <c r="E374" s="134"/>
    </row>
    <row r="375" spans="1:6" s="3" customFormat="1" ht="93" customHeight="1" x14ac:dyDescent="0.25">
      <c r="A375" s="135" t="s">
        <v>0</v>
      </c>
      <c r="B375" s="136"/>
      <c r="C375" s="139" t="s">
        <v>24</v>
      </c>
      <c r="D375" s="140"/>
      <c r="E375" s="141"/>
      <c r="F375" s="26"/>
    </row>
    <row r="376" spans="1:6" s="3" customFormat="1" ht="30" customHeight="1" thickBot="1" x14ac:dyDescent="0.3">
      <c r="A376" s="137"/>
      <c r="B376" s="138"/>
      <c r="C376" s="27" t="s">
        <v>25</v>
      </c>
      <c r="D376" s="142" t="s">
        <v>26</v>
      </c>
      <c r="E376" s="143"/>
    </row>
    <row r="377" spans="1:6" s="3" customFormat="1" ht="30" customHeight="1" thickBot="1" x14ac:dyDescent="0.3">
      <c r="A377" s="144" t="s">
        <v>231</v>
      </c>
      <c r="B377" s="145"/>
      <c r="C377" s="145"/>
      <c r="D377" s="145"/>
      <c r="E377" s="146"/>
    </row>
    <row r="378" spans="1:6" s="28" customFormat="1" ht="30.75" customHeight="1" x14ac:dyDescent="0.25">
      <c r="A378" s="121" t="s">
        <v>232</v>
      </c>
      <c r="B378" s="122"/>
      <c r="C378" s="48"/>
      <c r="D378" s="48"/>
      <c r="E378" s="49"/>
    </row>
    <row r="379" spans="1:6" s="4" customFormat="1" ht="110.1" customHeight="1" thickBot="1" x14ac:dyDescent="0.3">
      <c r="A379" s="56" t="s">
        <v>91</v>
      </c>
      <c r="B379" s="57" t="s">
        <v>775</v>
      </c>
      <c r="C379" s="51"/>
      <c r="D379" s="147"/>
      <c r="E379" s="148"/>
    </row>
    <row r="380" spans="1:6" s="28" customFormat="1" ht="30.75" customHeight="1" x14ac:dyDescent="0.25">
      <c r="A380" s="121" t="s">
        <v>233</v>
      </c>
      <c r="B380" s="122"/>
      <c r="C380" s="48"/>
      <c r="D380" s="48"/>
      <c r="E380" s="49"/>
    </row>
    <row r="381" spans="1:6" s="4" customFormat="1" ht="69.95" customHeight="1" thickBot="1" x14ac:dyDescent="0.3">
      <c r="A381" s="88" t="s">
        <v>207</v>
      </c>
      <c r="B381" s="89" t="s">
        <v>234</v>
      </c>
      <c r="C381" s="85"/>
      <c r="D381" s="149"/>
      <c r="E381" s="150"/>
    </row>
    <row r="382" spans="1:6" s="3" customFormat="1" ht="20.100000000000001" customHeight="1" x14ac:dyDescent="0.25">
      <c r="A382" s="5"/>
      <c r="B382" s="5"/>
      <c r="C382" s="7"/>
      <c r="D382" s="7"/>
      <c r="E382" s="29"/>
    </row>
    <row r="383" spans="1:6" s="2" customFormat="1" ht="30" customHeight="1" thickBot="1" x14ac:dyDescent="0.3">
      <c r="A383" s="133" t="s">
        <v>235</v>
      </c>
      <c r="B383" s="134"/>
      <c r="C383" s="134"/>
      <c r="D383" s="134"/>
      <c r="E383" s="134"/>
    </row>
    <row r="384" spans="1:6" s="3" customFormat="1" ht="93" customHeight="1" x14ac:dyDescent="0.25">
      <c r="A384" s="135" t="s">
        <v>0</v>
      </c>
      <c r="B384" s="136"/>
      <c r="C384" s="139" t="s">
        <v>24</v>
      </c>
      <c r="D384" s="140"/>
      <c r="E384" s="141"/>
      <c r="F384" s="26"/>
    </row>
    <row r="385" spans="1:6" s="3" customFormat="1" ht="30" customHeight="1" thickBot="1" x14ac:dyDescent="0.3">
      <c r="A385" s="137"/>
      <c r="B385" s="138"/>
      <c r="C385" s="27" t="s">
        <v>25</v>
      </c>
      <c r="D385" s="142" t="s">
        <v>26</v>
      </c>
      <c r="E385" s="143"/>
    </row>
    <row r="386" spans="1:6" s="3" customFormat="1" ht="30" customHeight="1" thickBot="1" x14ac:dyDescent="0.3">
      <c r="A386" s="144" t="s">
        <v>236</v>
      </c>
      <c r="B386" s="145"/>
      <c r="C386" s="145"/>
      <c r="D386" s="145"/>
      <c r="E386" s="146"/>
    </row>
    <row r="387" spans="1:6" s="28" customFormat="1" ht="30.75" customHeight="1" x14ac:dyDescent="0.25">
      <c r="A387" s="121" t="s">
        <v>237</v>
      </c>
      <c r="B387" s="122"/>
      <c r="C387" s="48"/>
      <c r="D387" s="48"/>
      <c r="E387" s="49"/>
    </row>
    <row r="388" spans="1:6" s="4" customFormat="1" ht="60" customHeight="1" thickBot="1" x14ac:dyDescent="0.3">
      <c r="A388" s="90" t="s">
        <v>91</v>
      </c>
      <c r="B388" s="87" t="s">
        <v>776</v>
      </c>
      <c r="C388" s="85"/>
      <c r="D388" s="149"/>
      <c r="E388" s="150"/>
    </row>
    <row r="389" spans="1:6" s="3" customFormat="1" ht="20.100000000000001" customHeight="1" x14ac:dyDescent="0.25">
      <c r="A389" s="5"/>
      <c r="B389" s="5"/>
      <c r="C389" s="7"/>
      <c r="D389" s="7"/>
      <c r="E389" s="29"/>
    </row>
    <row r="390" spans="1:6" s="2" customFormat="1" ht="30" customHeight="1" thickBot="1" x14ac:dyDescent="0.3">
      <c r="A390" s="133" t="s">
        <v>238</v>
      </c>
      <c r="B390" s="134"/>
      <c r="C390" s="134"/>
      <c r="D390" s="134"/>
      <c r="E390" s="134"/>
    </row>
    <row r="391" spans="1:6" s="3" customFormat="1" ht="93" customHeight="1" x14ac:dyDescent="0.25">
      <c r="A391" s="135" t="s">
        <v>0</v>
      </c>
      <c r="B391" s="136"/>
      <c r="C391" s="139" t="s">
        <v>24</v>
      </c>
      <c r="D391" s="140"/>
      <c r="E391" s="141"/>
      <c r="F391" s="26"/>
    </row>
    <row r="392" spans="1:6" s="3" customFormat="1" ht="30" customHeight="1" thickBot="1" x14ac:dyDescent="0.3">
      <c r="A392" s="137"/>
      <c r="B392" s="138"/>
      <c r="C392" s="27" t="s">
        <v>25</v>
      </c>
      <c r="D392" s="142" t="s">
        <v>26</v>
      </c>
      <c r="E392" s="143"/>
    </row>
    <row r="393" spans="1:6" s="3" customFormat="1" ht="90" customHeight="1" thickBot="1" x14ac:dyDescent="0.3">
      <c r="A393" s="144" t="s">
        <v>239</v>
      </c>
      <c r="B393" s="145"/>
      <c r="C393" s="145"/>
      <c r="D393" s="145"/>
      <c r="E393" s="146"/>
    </row>
    <row r="394" spans="1:6" s="28" customFormat="1" ht="30.75" customHeight="1" x14ac:dyDescent="0.25">
      <c r="A394" s="121" t="s">
        <v>240</v>
      </c>
      <c r="B394" s="122"/>
      <c r="C394" s="48"/>
      <c r="D394" s="48"/>
      <c r="E394" s="49"/>
    </row>
    <row r="395" spans="1:6" s="4" customFormat="1" ht="60" customHeight="1" thickBot="1" x14ac:dyDescent="0.3">
      <c r="A395" s="56" t="s">
        <v>91</v>
      </c>
      <c r="B395" s="57" t="s">
        <v>777</v>
      </c>
      <c r="C395" s="51"/>
      <c r="D395" s="147"/>
      <c r="E395" s="148"/>
    </row>
    <row r="396" spans="1:6" s="28" customFormat="1" ht="30.75" customHeight="1" x14ac:dyDescent="0.25">
      <c r="A396" s="121" t="s">
        <v>241</v>
      </c>
      <c r="B396" s="122"/>
      <c r="C396" s="48"/>
      <c r="D396" s="48"/>
      <c r="E396" s="49"/>
    </row>
    <row r="397" spans="1:6" s="4" customFormat="1" ht="90" customHeight="1" thickBot="1" x14ac:dyDescent="0.3">
      <c r="A397" s="58" t="s">
        <v>207</v>
      </c>
      <c r="B397" s="57" t="s">
        <v>778</v>
      </c>
      <c r="C397" s="51"/>
      <c r="D397" s="147"/>
      <c r="E397" s="148"/>
    </row>
    <row r="398" spans="1:6" s="28" customFormat="1" ht="30.75" customHeight="1" x14ac:dyDescent="0.25">
      <c r="A398" s="121" t="s">
        <v>242</v>
      </c>
      <c r="B398" s="122"/>
      <c r="C398" s="48"/>
      <c r="D398" s="48"/>
      <c r="E398" s="49"/>
    </row>
    <row r="399" spans="1:6" s="4" customFormat="1" ht="80.099999999999994" customHeight="1" thickBot="1" x14ac:dyDescent="0.3">
      <c r="A399" s="88">
        <v>44564</v>
      </c>
      <c r="B399" s="89" t="s">
        <v>779</v>
      </c>
      <c r="C399" s="85"/>
      <c r="D399" s="149"/>
      <c r="E399" s="150"/>
    </row>
    <row r="400" spans="1:6" s="3" customFormat="1" ht="20.100000000000001" customHeight="1" x14ac:dyDescent="0.25">
      <c r="A400" s="5"/>
      <c r="B400" s="5"/>
      <c r="C400" s="7"/>
      <c r="D400" s="7"/>
      <c r="E400" s="29"/>
    </row>
    <row r="401" spans="1:6" s="2" customFormat="1" ht="30" customHeight="1" thickBot="1" x14ac:dyDescent="0.3">
      <c r="A401" s="133" t="s">
        <v>243</v>
      </c>
      <c r="B401" s="134"/>
      <c r="C401" s="134"/>
      <c r="D401" s="134"/>
      <c r="E401" s="134"/>
    </row>
    <row r="402" spans="1:6" s="3" customFormat="1" ht="93" customHeight="1" x14ac:dyDescent="0.25">
      <c r="A402" s="135" t="s">
        <v>0</v>
      </c>
      <c r="B402" s="136"/>
      <c r="C402" s="139" t="s">
        <v>24</v>
      </c>
      <c r="D402" s="140"/>
      <c r="E402" s="141"/>
      <c r="F402" s="26"/>
    </row>
    <row r="403" spans="1:6" s="3" customFormat="1" ht="30" customHeight="1" thickBot="1" x14ac:dyDescent="0.3">
      <c r="A403" s="137"/>
      <c r="B403" s="138"/>
      <c r="C403" s="27" t="s">
        <v>25</v>
      </c>
      <c r="D403" s="142" t="s">
        <v>26</v>
      </c>
      <c r="E403" s="143"/>
    </row>
    <row r="404" spans="1:6" s="3" customFormat="1" ht="80.099999999999994" customHeight="1" thickBot="1" x14ac:dyDescent="0.3">
      <c r="A404" s="144" t="s">
        <v>244</v>
      </c>
      <c r="B404" s="145"/>
      <c r="C404" s="145"/>
      <c r="D404" s="145"/>
      <c r="E404" s="146"/>
    </row>
    <row r="405" spans="1:6" s="28" customFormat="1" ht="30.75" customHeight="1" x14ac:dyDescent="0.25">
      <c r="A405" s="121" t="s">
        <v>245</v>
      </c>
      <c r="B405" s="122"/>
      <c r="C405" s="48"/>
      <c r="D405" s="48"/>
      <c r="E405" s="49"/>
    </row>
    <row r="406" spans="1:6" s="4" customFormat="1" ht="60" customHeight="1" thickBot="1" x14ac:dyDescent="0.3">
      <c r="A406" s="56" t="s">
        <v>91</v>
      </c>
      <c r="B406" s="57" t="s">
        <v>256</v>
      </c>
      <c r="C406" s="51"/>
      <c r="D406" s="147"/>
      <c r="E406" s="148"/>
    </row>
    <row r="407" spans="1:6" s="28" customFormat="1" ht="30.75" customHeight="1" x14ac:dyDescent="0.25">
      <c r="A407" s="121" t="s">
        <v>246</v>
      </c>
      <c r="B407" s="122"/>
      <c r="C407" s="48"/>
      <c r="D407" s="48"/>
      <c r="E407" s="49"/>
    </row>
    <row r="408" spans="1:6" s="4" customFormat="1" ht="69.95" customHeight="1" thickBot="1" x14ac:dyDescent="0.3">
      <c r="A408" s="88" t="s">
        <v>207</v>
      </c>
      <c r="B408" s="89" t="s">
        <v>257</v>
      </c>
      <c r="C408" s="85"/>
      <c r="D408" s="149"/>
      <c r="E408" s="150"/>
    </row>
    <row r="409" spans="1:6" s="3" customFormat="1" ht="20.100000000000001" customHeight="1" x14ac:dyDescent="0.25">
      <c r="A409" s="5"/>
      <c r="B409" s="5"/>
      <c r="C409" s="7"/>
      <c r="D409" s="7"/>
      <c r="E409" s="29"/>
    </row>
    <row r="410" spans="1:6" s="2" customFormat="1" ht="30" customHeight="1" thickBot="1" x14ac:dyDescent="0.3">
      <c r="A410" s="133" t="s">
        <v>247</v>
      </c>
      <c r="B410" s="134"/>
      <c r="C410" s="134"/>
      <c r="D410" s="134"/>
      <c r="E410" s="134"/>
    </row>
    <row r="411" spans="1:6" s="3" customFormat="1" ht="93" customHeight="1" x14ac:dyDescent="0.25">
      <c r="A411" s="135" t="s">
        <v>0</v>
      </c>
      <c r="B411" s="136"/>
      <c r="C411" s="139" t="s">
        <v>24</v>
      </c>
      <c r="D411" s="140"/>
      <c r="E411" s="141"/>
      <c r="F411" s="26"/>
    </row>
    <row r="412" spans="1:6" s="3" customFormat="1" ht="30" customHeight="1" thickBot="1" x14ac:dyDescent="0.3">
      <c r="A412" s="137"/>
      <c r="B412" s="138"/>
      <c r="C412" s="27" t="s">
        <v>25</v>
      </c>
      <c r="D412" s="142" t="s">
        <v>26</v>
      </c>
      <c r="E412" s="143"/>
    </row>
    <row r="413" spans="1:6" s="3" customFormat="1" ht="39.950000000000003" customHeight="1" thickBot="1" x14ac:dyDescent="0.3">
      <c r="A413" s="144" t="s">
        <v>248</v>
      </c>
      <c r="B413" s="145"/>
      <c r="C413" s="145"/>
      <c r="D413" s="145"/>
      <c r="E413" s="146"/>
    </row>
    <row r="414" spans="1:6" s="28" customFormat="1" ht="30.75" customHeight="1" x14ac:dyDescent="0.25">
      <c r="A414" s="121" t="s">
        <v>249</v>
      </c>
      <c r="B414" s="122"/>
      <c r="C414" s="48"/>
      <c r="D414" s="48"/>
      <c r="E414" s="49"/>
    </row>
    <row r="415" spans="1:6" s="4" customFormat="1" ht="110.1" customHeight="1" thickBot="1" x14ac:dyDescent="0.3">
      <c r="A415" s="90" t="s">
        <v>91</v>
      </c>
      <c r="B415" s="87" t="s">
        <v>780</v>
      </c>
      <c r="C415" s="85"/>
      <c r="D415" s="149"/>
      <c r="E415" s="150"/>
    </row>
    <row r="416" spans="1:6" s="3" customFormat="1" ht="20.100000000000001" customHeight="1" x14ac:dyDescent="0.25">
      <c r="A416" s="5"/>
      <c r="B416" s="5"/>
      <c r="C416" s="7"/>
      <c r="D416" s="7"/>
      <c r="E416" s="29"/>
    </row>
    <row r="417" spans="1:6" s="2" customFormat="1" ht="30" customHeight="1" thickBot="1" x14ac:dyDescent="0.3">
      <c r="A417" s="133" t="s">
        <v>250</v>
      </c>
      <c r="B417" s="134"/>
      <c r="C417" s="134"/>
      <c r="D417" s="134"/>
      <c r="E417" s="134"/>
    </row>
    <row r="418" spans="1:6" s="3" customFormat="1" ht="93" customHeight="1" x14ac:dyDescent="0.25">
      <c r="A418" s="135" t="s">
        <v>0</v>
      </c>
      <c r="B418" s="136"/>
      <c r="C418" s="139" t="s">
        <v>24</v>
      </c>
      <c r="D418" s="140"/>
      <c r="E418" s="141"/>
      <c r="F418" s="26"/>
    </row>
    <row r="419" spans="1:6" s="3" customFormat="1" ht="30" customHeight="1" thickBot="1" x14ac:dyDescent="0.3">
      <c r="A419" s="137"/>
      <c r="B419" s="138"/>
      <c r="C419" s="27" t="s">
        <v>25</v>
      </c>
      <c r="D419" s="142" t="s">
        <v>26</v>
      </c>
      <c r="E419" s="143"/>
    </row>
    <row r="420" spans="1:6" s="3" customFormat="1" ht="30" customHeight="1" thickBot="1" x14ac:dyDescent="0.3">
      <c r="A420" s="144" t="s">
        <v>251</v>
      </c>
      <c r="B420" s="145"/>
      <c r="C420" s="145"/>
      <c r="D420" s="145"/>
      <c r="E420" s="146"/>
    </row>
    <row r="421" spans="1:6" s="28" customFormat="1" ht="30.75" customHeight="1" x14ac:dyDescent="0.25">
      <c r="A421" s="121" t="s">
        <v>252</v>
      </c>
      <c r="B421" s="122"/>
      <c r="C421" s="48"/>
      <c r="D421" s="48"/>
      <c r="E421" s="49"/>
    </row>
    <row r="422" spans="1:6" s="4" customFormat="1" ht="80.099999999999994" customHeight="1" thickBot="1" x14ac:dyDescent="0.3">
      <c r="A422" s="90" t="s">
        <v>91</v>
      </c>
      <c r="B422" s="87" t="s">
        <v>781</v>
      </c>
      <c r="C422" s="85"/>
      <c r="D422" s="149"/>
      <c r="E422" s="150"/>
    </row>
    <row r="423" spans="1:6" s="3" customFormat="1" ht="20.100000000000001" customHeight="1" x14ac:dyDescent="0.25">
      <c r="A423" s="5"/>
      <c r="B423" s="5"/>
      <c r="C423" s="7"/>
      <c r="D423" s="7"/>
      <c r="E423" s="29"/>
    </row>
    <row r="424" spans="1:6" s="2" customFormat="1" ht="30" customHeight="1" thickBot="1" x14ac:dyDescent="0.3">
      <c r="A424" s="133" t="s">
        <v>253</v>
      </c>
      <c r="B424" s="134"/>
      <c r="C424" s="134"/>
      <c r="D424" s="134"/>
      <c r="E424" s="134"/>
    </row>
    <row r="425" spans="1:6" s="3" customFormat="1" ht="93" customHeight="1" x14ac:dyDescent="0.25">
      <c r="A425" s="135" t="s">
        <v>0</v>
      </c>
      <c r="B425" s="136"/>
      <c r="C425" s="139" t="s">
        <v>24</v>
      </c>
      <c r="D425" s="140"/>
      <c r="E425" s="141"/>
      <c r="F425" s="26"/>
    </row>
    <row r="426" spans="1:6" s="3" customFormat="1" ht="30" customHeight="1" thickBot="1" x14ac:dyDescent="0.3">
      <c r="A426" s="137"/>
      <c r="B426" s="138"/>
      <c r="C426" s="27" t="s">
        <v>25</v>
      </c>
      <c r="D426" s="142" t="s">
        <v>26</v>
      </c>
      <c r="E426" s="143"/>
    </row>
    <row r="427" spans="1:6" s="3" customFormat="1" ht="30" customHeight="1" thickBot="1" x14ac:dyDescent="0.3">
      <c r="A427" s="144" t="s">
        <v>254</v>
      </c>
      <c r="B427" s="145"/>
      <c r="C427" s="145"/>
      <c r="D427" s="145"/>
      <c r="E427" s="146"/>
    </row>
    <row r="428" spans="1:6" s="28" customFormat="1" ht="30.75" customHeight="1" x14ac:dyDescent="0.25">
      <c r="A428" s="121" t="s">
        <v>255</v>
      </c>
      <c r="B428" s="122"/>
      <c r="C428" s="48"/>
      <c r="D428" s="48"/>
      <c r="E428" s="49"/>
    </row>
    <row r="429" spans="1:6" s="4" customFormat="1" ht="80.099999999999994" customHeight="1" thickBot="1" x14ac:dyDescent="0.3">
      <c r="A429" s="90" t="s">
        <v>91</v>
      </c>
      <c r="B429" s="87" t="s">
        <v>782</v>
      </c>
      <c r="C429" s="85"/>
      <c r="D429" s="149"/>
      <c r="E429" s="150"/>
    </row>
    <row r="430" spans="1:6" s="3" customFormat="1" ht="20.100000000000001" customHeight="1" x14ac:dyDescent="0.25">
      <c r="A430" s="5"/>
      <c r="B430" s="5"/>
      <c r="C430" s="7"/>
      <c r="D430" s="7"/>
      <c r="E430" s="29"/>
    </row>
    <row r="431" spans="1:6" s="2" customFormat="1" ht="30" customHeight="1" thickBot="1" x14ac:dyDescent="0.3">
      <c r="A431" s="133" t="s">
        <v>258</v>
      </c>
      <c r="B431" s="134"/>
      <c r="C431" s="134"/>
      <c r="D431" s="134"/>
      <c r="E431" s="134"/>
    </row>
    <row r="432" spans="1:6" s="3" customFormat="1" ht="93" customHeight="1" x14ac:dyDescent="0.25">
      <c r="A432" s="135" t="s">
        <v>0</v>
      </c>
      <c r="B432" s="136"/>
      <c r="C432" s="139" t="s">
        <v>24</v>
      </c>
      <c r="D432" s="140"/>
      <c r="E432" s="141"/>
      <c r="F432" s="26"/>
    </row>
    <row r="433" spans="1:6" s="3" customFormat="1" ht="30" customHeight="1" thickBot="1" x14ac:dyDescent="0.3">
      <c r="A433" s="137"/>
      <c r="B433" s="138"/>
      <c r="C433" s="27" t="s">
        <v>25</v>
      </c>
      <c r="D433" s="142" t="s">
        <v>26</v>
      </c>
      <c r="E433" s="143"/>
    </row>
    <row r="434" spans="1:6" s="3" customFormat="1" ht="30" customHeight="1" thickBot="1" x14ac:dyDescent="0.3">
      <c r="A434" s="144" t="s">
        <v>259</v>
      </c>
      <c r="B434" s="145"/>
      <c r="C434" s="145"/>
      <c r="D434" s="145"/>
      <c r="E434" s="146"/>
    </row>
    <row r="435" spans="1:6" s="28" customFormat="1" ht="30.75" customHeight="1" x14ac:dyDescent="0.25">
      <c r="A435" s="121" t="s">
        <v>260</v>
      </c>
      <c r="B435" s="122"/>
      <c r="C435" s="48"/>
      <c r="D435" s="48"/>
      <c r="E435" s="49"/>
    </row>
    <row r="436" spans="1:6" s="4" customFormat="1" ht="99.95" customHeight="1" thickBot="1" x14ac:dyDescent="0.3">
      <c r="A436" s="90" t="s">
        <v>91</v>
      </c>
      <c r="B436" s="87" t="s">
        <v>783</v>
      </c>
      <c r="C436" s="85"/>
      <c r="D436" s="149"/>
      <c r="E436" s="150"/>
    </row>
    <row r="437" spans="1:6" s="3" customFormat="1" ht="20.100000000000001" customHeight="1" x14ac:dyDescent="0.25">
      <c r="A437" s="5"/>
      <c r="B437" s="5"/>
      <c r="C437" s="7"/>
      <c r="D437" s="7"/>
      <c r="E437" s="29"/>
    </row>
    <row r="438" spans="1:6" s="2" customFormat="1" ht="30" customHeight="1" thickBot="1" x14ac:dyDescent="0.3">
      <c r="A438" s="133" t="s">
        <v>261</v>
      </c>
      <c r="B438" s="134"/>
      <c r="C438" s="134"/>
      <c r="D438" s="134"/>
      <c r="E438" s="134"/>
    </row>
    <row r="439" spans="1:6" s="3" customFormat="1" ht="93" customHeight="1" x14ac:dyDescent="0.25">
      <c r="A439" s="135" t="s">
        <v>0</v>
      </c>
      <c r="B439" s="136"/>
      <c r="C439" s="139" t="s">
        <v>24</v>
      </c>
      <c r="D439" s="140"/>
      <c r="E439" s="141"/>
      <c r="F439" s="26"/>
    </row>
    <row r="440" spans="1:6" s="3" customFormat="1" ht="30" customHeight="1" thickBot="1" x14ac:dyDescent="0.3">
      <c r="A440" s="137"/>
      <c r="B440" s="138"/>
      <c r="C440" s="27" t="s">
        <v>25</v>
      </c>
      <c r="D440" s="142" t="s">
        <v>26</v>
      </c>
      <c r="E440" s="143"/>
    </row>
    <row r="441" spans="1:6" s="3" customFormat="1" ht="80.099999999999994" customHeight="1" thickBot="1" x14ac:dyDescent="0.3">
      <c r="A441" s="144" t="s">
        <v>262</v>
      </c>
      <c r="B441" s="145"/>
      <c r="C441" s="145"/>
      <c r="D441" s="145"/>
      <c r="E441" s="146"/>
    </row>
    <row r="442" spans="1:6" s="28" customFormat="1" ht="30.75" customHeight="1" x14ac:dyDescent="0.25">
      <c r="A442" s="121" t="s">
        <v>263</v>
      </c>
      <c r="B442" s="122"/>
      <c r="C442" s="48"/>
      <c r="D442" s="48"/>
      <c r="E442" s="49"/>
    </row>
    <row r="443" spans="1:6" s="4" customFormat="1" ht="20.100000000000001" customHeight="1" thickBot="1" x14ac:dyDescent="0.3">
      <c r="A443" s="56" t="s">
        <v>91</v>
      </c>
      <c r="B443" s="57" t="s">
        <v>264</v>
      </c>
      <c r="C443" s="51"/>
      <c r="D443" s="147"/>
      <c r="E443" s="148"/>
    </row>
    <row r="444" spans="1:6" s="28" customFormat="1" ht="30.75" customHeight="1" x14ac:dyDescent="0.25">
      <c r="A444" s="121" t="s">
        <v>265</v>
      </c>
      <c r="B444" s="122"/>
      <c r="C444" s="48"/>
      <c r="D444" s="48"/>
      <c r="E444" s="49"/>
    </row>
    <row r="445" spans="1:6" s="4" customFormat="1" ht="20.100000000000001" customHeight="1" thickBot="1" x14ac:dyDescent="0.3">
      <c r="A445" s="88" t="s">
        <v>207</v>
      </c>
      <c r="B445" s="89" t="s">
        <v>266</v>
      </c>
      <c r="C445" s="85"/>
      <c r="D445" s="149"/>
      <c r="E445" s="150"/>
    </row>
    <row r="446" spans="1:6" s="3" customFormat="1" ht="20.100000000000001" customHeight="1" x14ac:dyDescent="0.25">
      <c r="A446" s="5"/>
      <c r="B446" s="5"/>
      <c r="C446" s="7"/>
      <c r="D446" s="7"/>
      <c r="E446" s="29"/>
    </row>
    <row r="447" spans="1:6" s="2" customFormat="1" ht="30" customHeight="1" thickBot="1" x14ac:dyDescent="0.3">
      <c r="A447" s="133" t="s">
        <v>267</v>
      </c>
      <c r="B447" s="134"/>
      <c r="C447" s="134"/>
      <c r="D447" s="134"/>
      <c r="E447" s="134"/>
    </row>
    <row r="448" spans="1:6" s="3" customFormat="1" ht="93" customHeight="1" x14ac:dyDescent="0.25">
      <c r="A448" s="135" t="s">
        <v>0</v>
      </c>
      <c r="B448" s="136"/>
      <c r="C448" s="139" t="s">
        <v>24</v>
      </c>
      <c r="D448" s="140"/>
      <c r="E448" s="141"/>
      <c r="F448" s="26"/>
    </row>
    <row r="449" spans="1:6" s="3" customFormat="1" ht="30" customHeight="1" thickBot="1" x14ac:dyDescent="0.3">
      <c r="A449" s="137"/>
      <c r="B449" s="138"/>
      <c r="C449" s="27" t="s">
        <v>25</v>
      </c>
      <c r="D449" s="142" t="s">
        <v>26</v>
      </c>
      <c r="E449" s="143"/>
    </row>
    <row r="450" spans="1:6" s="3" customFormat="1" ht="39.950000000000003" customHeight="1" thickBot="1" x14ac:dyDescent="0.3">
      <c r="A450" s="144" t="s">
        <v>268</v>
      </c>
      <c r="B450" s="145"/>
      <c r="C450" s="145"/>
      <c r="D450" s="145"/>
      <c r="E450" s="146"/>
    </row>
    <row r="451" spans="1:6" s="28" customFormat="1" ht="30.75" customHeight="1" x14ac:dyDescent="0.25">
      <c r="A451" s="121" t="s">
        <v>302</v>
      </c>
      <c r="B451" s="122"/>
      <c r="C451" s="48"/>
      <c r="D451" s="48"/>
      <c r="E451" s="49"/>
    </row>
    <row r="452" spans="1:6" s="4" customFormat="1" ht="99.95" customHeight="1" thickBot="1" x14ac:dyDescent="0.3">
      <c r="A452" s="56" t="s">
        <v>91</v>
      </c>
      <c r="B452" s="57" t="s">
        <v>784</v>
      </c>
      <c r="C452" s="51"/>
      <c r="D452" s="147"/>
      <c r="E452" s="148"/>
    </row>
    <row r="453" spans="1:6" s="28" customFormat="1" ht="30.75" customHeight="1" x14ac:dyDescent="0.25">
      <c r="A453" s="121" t="s">
        <v>303</v>
      </c>
      <c r="B453" s="122"/>
      <c r="C453" s="48"/>
      <c r="D453" s="48"/>
      <c r="E453" s="49"/>
    </row>
    <row r="454" spans="1:6" s="4" customFormat="1" ht="30" customHeight="1" thickBot="1" x14ac:dyDescent="0.3">
      <c r="A454" s="164" t="s">
        <v>152</v>
      </c>
      <c r="B454" s="165"/>
      <c r="C454" s="85"/>
      <c r="D454" s="149"/>
      <c r="E454" s="150"/>
    </row>
    <row r="455" spans="1:6" s="4" customFormat="1" ht="54.95" customHeight="1" thickBot="1" x14ac:dyDescent="0.3">
      <c r="A455" s="88" t="s">
        <v>207</v>
      </c>
      <c r="B455" s="89" t="s">
        <v>785</v>
      </c>
      <c r="C455" s="85"/>
      <c r="D455" s="149"/>
      <c r="E455" s="150"/>
    </row>
    <row r="456" spans="1:6" s="3" customFormat="1" ht="20.100000000000001" customHeight="1" x14ac:dyDescent="0.25">
      <c r="A456" s="5"/>
      <c r="B456" s="5"/>
      <c r="C456" s="7"/>
      <c r="D456" s="7"/>
      <c r="E456" s="29"/>
    </row>
    <row r="457" spans="1:6" s="2" customFormat="1" ht="30" customHeight="1" thickBot="1" x14ac:dyDescent="0.3">
      <c r="A457" s="133" t="s">
        <v>269</v>
      </c>
      <c r="B457" s="134"/>
      <c r="C457" s="134"/>
      <c r="D457" s="134"/>
      <c r="E457" s="134"/>
    </row>
    <row r="458" spans="1:6" s="3" customFormat="1" ht="93" customHeight="1" x14ac:dyDescent="0.25">
      <c r="A458" s="135" t="s">
        <v>0</v>
      </c>
      <c r="B458" s="136"/>
      <c r="C458" s="139" t="s">
        <v>24</v>
      </c>
      <c r="D458" s="140"/>
      <c r="E458" s="141"/>
      <c r="F458" s="26"/>
    </row>
    <row r="459" spans="1:6" s="3" customFormat="1" ht="30" customHeight="1" thickBot="1" x14ac:dyDescent="0.3">
      <c r="A459" s="137"/>
      <c r="B459" s="138"/>
      <c r="C459" s="27" t="s">
        <v>25</v>
      </c>
      <c r="D459" s="142" t="s">
        <v>26</v>
      </c>
      <c r="E459" s="143"/>
    </row>
    <row r="460" spans="1:6" s="3" customFormat="1" ht="30" customHeight="1" thickBot="1" x14ac:dyDescent="0.3">
      <c r="A460" s="144" t="s">
        <v>270</v>
      </c>
      <c r="B460" s="145"/>
      <c r="C460" s="145"/>
      <c r="D460" s="145"/>
      <c r="E460" s="146"/>
    </row>
    <row r="461" spans="1:6" s="28" customFormat="1" ht="30.75" customHeight="1" x14ac:dyDescent="0.25">
      <c r="A461" s="121" t="s">
        <v>271</v>
      </c>
      <c r="B461" s="122"/>
      <c r="C461" s="48"/>
      <c r="D461" s="48"/>
      <c r="E461" s="49"/>
    </row>
    <row r="462" spans="1:6" s="4" customFormat="1" ht="99.95" customHeight="1" thickBot="1" x14ac:dyDescent="0.3">
      <c r="A462" s="90" t="s">
        <v>91</v>
      </c>
      <c r="B462" s="87" t="s">
        <v>786</v>
      </c>
      <c r="C462" s="85"/>
      <c r="D462" s="149"/>
      <c r="E462" s="150"/>
    </row>
    <row r="463" spans="1:6" s="3" customFormat="1" ht="20.100000000000001" customHeight="1" x14ac:dyDescent="0.25">
      <c r="A463" s="5"/>
      <c r="B463" s="5"/>
      <c r="C463" s="7"/>
      <c r="D463" s="7"/>
      <c r="E463" s="29"/>
    </row>
    <row r="464" spans="1:6" s="2" customFormat="1" ht="30" customHeight="1" thickBot="1" x14ac:dyDescent="0.3">
      <c r="A464" s="133" t="s">
        <v>272</v>
      </c>
      <c r="B464" s="134"/>
      <c r="C464" s="134"/>
      <c r="D464" s="134"/>
      <c r="E464" s="134"/>
    </row>
    <row r="465" spans="1:6" s="3" customFormat="1" ht="93" customHeight="1" x14ac:dyDescent="0.25">
      <c r="A465" s="135" t="s">
        <v>0</v>
      </c>
      <c r="B465" s="136"/>
      <c r="C465" s="139" t="s">
        <v>24</v>
      </c>
      <c r="D465" s="140"/>
      <c r="E465" s="141"/>
      <c r="F465" s="26"/>
    </row>
    <row r="466" spans="1:6" s="3" customFormat="1" ht="30" customHeight="1" thickBot="1" x14ac:dyDescent="0.3">
      <c r="A466" s="137"/>
      <c r="B466" s="138"/>
      <c r="C466" s="27" t="s">
        <v>25</v>
      </c>
      <c r="D466" s="142" t="s">
        <v>26</v>
      </c>
      <c r="E466" s="143"/>
    </row>
    <row r="467" spans="1:6" s="3" customFormat="1" ht="30" customHeight="1" thickBot="1" x14ac:dyDescent="0.3">
      <c r="A467" s="144" t="s">
        <v>273</v>
      </c>
      <c r="B467" s="145"/>
      <c r="C467" s="145"/>
      <c r="D467" s="145"/>
      <c r="E467" s="146"/>
    </row>
    <row r="468" spans="1:6" s="28" customFormat="1" ht="30.75" customHeight="1" x14ac:dyDescent="0.25">
      <c r="A468" s="121" t="s">
        <v>274</v>
      </c>
      <c r="B468" s="122"/>
      <c r="C468" s="48"/>
      <c r="D468" s="48"/>
      <c r="E468" s="49"/>
    </row>
    <row r="469" spans="1:6" s="4" customFormat="1" ht="60" customHeight="1" thickBot="1" x14ac:dyDescent="0.3">
      <c r="A469" s="90" t="s">
        <v>91</v>
      </c>
      <c r="B469" s="87" t="s">
        <v>787</v>
      </c>
      <c r="C469" s="85"/>
      <c r="D469" s="149"/>
      <c r="E469" s="150"/>
    </row>
    <row r="470" spans="1:6" s="3" customFormat="1" ht="20.100000000000001" customHeight="1" x14ac:dyDescent="0.25">
      <c r="A470" s="5"/>
      <c r="B470" s="5"/>
      <c r="C470" s="7"/>
      <c r="D470" s="7"/>
      <c r="E470" s="29"/>
    </row>
    <row r="471" spans="1:6" s="2" customFormat="1" ht="30" customHeight="1" thickBot="1" x14ac:dyDescent="0.3">
      <c r="A471" s="133" t="s">
        <v>304</v>
      </c>
      <c r="B471" s="134"/>
      <c r="C471" s="134"/>
      <c r="D471" s="134"/>
      <c r="E471" s="134"/>
    </row>
    <row r="472" spans="1:6" s="3" customFormat="1" ht="93" customHeight="1" x14ac:dyDescent="0.25">
      <c r="A472" s="135" t="s">
        <v>0</v>
      </c>
      <c r="B472" s="136"/>
      <c r="C472" s="139" t="s">
        <v>24</v>
      </c>
      <c r="D472" s="140"/>
      <c r="E472" s="141"/>
      <c r="F472" s="26"/>
    </row>
    <row r="473" spans="1:6" s="3" customFormat="1" ht="30" customHeight="1" thickBot="1" x14ac:dyDescent="0.3">
      <c r="A473" s="137"/>
      <c r="B473" s="138"/>
      <c r="C473" s="27" t="s">
        <v>25</v>
      </c>
      <c r="D473" s="142" t="s">
        <v>26</v>
      </c>
      <c r="E473" s="143"/>
    </row>
    <row r="474" spans="1:6" s="3" customFormat="1" ht="30" customHeight="1" thickBot="1" x14ac:dyDescent="0.3">
      <c r="A474" s="144" t="s">
        <v>939</v>
      </c>
      <c r="B474" s="145"/>
      <c r="C474" s="145"/>
      <c r="D474" s="145"/>
      <c r="E474" s="146"/>
    </row>
    <row r="475" spans="1:6" s="28" customFormat="1" ht="30.75" customHeight="1" x14ac:dyDescent="0.25">
      <c r="A475" s="121" t="s">
        <v>305</v>
      </c>
      <c r="B475" s="122"/>
      <c r="C475" s="48"/>
      <c r="D475" s="48"/>
      <c r="E475" s="49"/>
    </row>
    <row r="476" spans="1:6" s="4" customFormat="1" ht="60" customHeight="1" thickBot="1" x14ac:dyDescent="0.3">
      <c r="A476" s="56" t="s">
        <v>91</v>
      </c>
      <c r="B476" s="57" t="s">
        <v>788</v>
      </c>
      <c r="C476" s="51"/>
      <c r="D476" s="147"/>
      <c r="E476" s="148"/>
    </row>
    <row r="477" spans="1:6" s="28" customFormat="1" ht="30.75" customHeight="1" x14ac:dyDescent="0.25">
      <c r="A477" s="121" t="s">
        <v>306</v>
      </c>
      <c r="B477" s="122"/>
      <c r="C477" s="48"/>
      <c r="D477" s="48"/>
      <c r="E477" s="49"/>
    </row>
    <row r="478" spans="1:6" s="4" customFormat="1" ht="69.95" customHeight="1" thickBot="1" x14ac:dyDescent="0.3">
      <c r="A478" s="88" t="s">
        <v>207</v>
      </c>
      <c r="B478" s="89" t="s">
        <v>789</v>
      </c>
      <c r="C478" s="85"/>
      <c r="D478" s="149"/>
      <c r="E478" s="150"/>
    </row>
    <row r="479" spans="1:6" s="3" customFormat="1" ht="20.100000000000001" customHeight="1" x14ac:dyDescent="0.25">
      <c r="A479" s="5"/>
      <c r="B479" s="5"/>
      <c r="C479" s="7"/>
      <c r="D479" s="7"/>
      <c r="E479" s="29"/>
    </row>
    <row r="480" spans="1:6" s="2" customFormat="1" ht="30" customHeight="1" thickBot="1" x14ac:dyDescent="0.3">
      <c r="A480" s="133" t="s">
        <v>310</v>
      </c>
      <c r="B480" s="134"/>
      <c r="C480" s="134"/>
      <c r="D480" s="134"/>
      <c r="E480" s="134"/>
    </row>
    <row r="481" spans="1:6" s="3" customFormat="1" ht="93" customHeight="1" x14ac:dyDescent="0.25">
      <c r="A481" s="135" t="s">
        <v>0</v>
      </c>
      <c r="B481" s="136"/>
      <c r="C481" s="139" t="s">
        <v>24</v>
      </c>
      <c r="D481" s="140"/>
      <c r="E481" s="141"/>
      <c r="F481" s="26"/>
    </row>
    <row r="482" spans="1:6" s="3" customFormat="1" ht="30" customHeight="1" thickBot="1" x14ac:dyDescent="0.3">
      <c r="A482" s="137"/>
      <c r="B482" s="138"/>
      <c r="C482" s="27" t="s">
        <v>25</v>
      </c>
      <c r="D482" s="142" t="s">
        <v>26</v>
      </c>
      <c r="E482" s="143"/>
    </row>
    <row r="483" spans="1:6" s="3" customFormat="1" ht="30" customHeight="1" thickBot="1" x14ac:dyDescent="0.3">
      <c r="A483" s="144" t="s">
        <v>311</v>
      </c>
      <c r="B483" s="145"/>
      <c r="C483" s="145"/>
      <c r="D483" s="145"/>
      <c r="E483" s="146"/>
    </row>
    <row r="484" spans="1:6" s="28" customFormat="1" ht="30.75" customHeight="1" x14ac:dyDescent="0.25">
      <c r="A484" s="121" t="s">
        <v>312</v>
      </c>
      <c r="B484" s="122"/>
      <c r="C484" s="48"/>
      <c r="D484" s="48"/>
      <c r="E484" s="49"/>
    </row>
    <row r="485" spans="1:6" s="4" customFormat="1" ht="80.099999999999994" customHeight="1" thickBot="1" x14ac:dyDescent="0.3">
      <c r="A485" s="90" t="s">
        <v>91</v>
      </c>
      <c r="B485" s="87" t="s">
        <v>790</v>
      </c>
      <c r="C485" s="85"/>
      <c r="D485" s="149"/>
      <c r="E485" s="150"/>
    </row>
    <row r="486" spans="1:6" s="3" customFormat="1" ht="20.100000000000001" customHeight="1" x14ac:dyDescent="0.25">
      <c r="A486" s="5"/>
      <c r="B486" s="5"/>
      <c r="C486" s="7"/>
      <c r="D486" s="7"/>
      <c r="E486" s="29"/>
    </row>
    <row r="487" spans="1:6" s="2" customFormat="1" ht="30" customHeight="1" thickBot="1" x14ac:dyDescent="0.3">
      <c r="A487" s="133" t="s">
        <v>313</v>
      </c>
      <c r="B487" s="134"/>
      <c r="C487" s="134"/>
      <c r="D487" s="134"/>
      <c r="E487" s="134"/>
    </row>
    <row r="488" spans="1:6" s="3" customFormat="1" ht="93" customHeight="1" x14ac:dyDescent="0.25">
      <c r="A488" s="135" t="s">
        <v>0</v>
      </c>
      <c r="B488" s="136"/>
      <c r="C488" s="139" t="s">
        <v>24</v>
      </c>
      <c r="D488" s="140"/>
      <c r="E488" s="141"/>
      <c r="F488" s="26"/>
    </row>
    <row r="489" spans="1:6" s="3" customFormat="1" ht="30" customHeight="1" thickBot="1" x14ac:dyDescent="0.3">
      <c r="A489" s="137"/>
      <c r="B489" s="138"/>
      <c r="C489" s="27" t="s">
        <v>25</v>
      </c>
      <c r="D489" s="142" t="s">
        <v>26</v>
      </c>
      <c r="E489" s="143"/>
    </row>
    <row r="490" spans="1:6" s="3" customFormat="1" ht="30" customHeight="1" thickBot="1" x14ac:dyDescent="0.3">
      <c r="A490" s="144" t="s">
        <v>314</v>
      </c>
      <c r="B490" s="145"/>
      <c r="C490" s="145"/>
      <c r="D490" s="145"/>
      <c r="E490" s="146"/>
    </row>
    <row r="491" spans="1:6" s="28" customFormat="1" ht="30.75" customHeight="1" x14ac:dyDescent="0.25">
      <c r="A491" s="121" t="s">
        <v>315</v>
      </c>
      <c r="B491" s="122"/>
      <c r="C491" s="48"/>
      <c r="D491" s="48"/>
      <c r="E491" s="49"/>
    </row>
    <row r="492" spans="1:6" s="4" customFormat="1" ht="69.95" customHeight="1" thickBot="1" x14ac:dyDescent="0.25">
      <c r="A492" s="90" t="s">
        <v>91</v>
      </c>
      <c r="B492" s="91" t="s">
        <v>791</v>
      </c>
      <c r="C492" s="85"/>
      <c r="D492" s="149"/>
      <c r="E492" s="150"/>
    </row>
    <row r="493" spans="1:6" s="3" customFormat="1" ht="20.100000000000001" customHeight="1" x14ac:dyDescent="0.25">
      <c r="A493" s="5"/>
      <c r="B493" s="5"/>
      <c r="C493" s="7"/>
      <c r="D493" s="7"/>
      <c r="E493" s="29"/>
    </row>
    <row r="494" spans="1:6" s="2" customFormat="1" ht="30" customHeight="1" thickBot="1" x14ac:dyDescent="0.3">
      <c r="A494" s="133" t="s">
        <v>318</v>
      </c>
      <c r="B494" s="134"/>
      <c r="C494" s="134"/>
      <c r="D494" s="134"/>
      <c r="E494" s="134"/>
    </row>
    <row r="495" spans="1:6" s="3" customFormat="1" ht="93" customHeight="1" x14ac:dyDescent="0.25">
      <c r="A495" s="135" t="s">
        <v>0</v>
      </c>
      <c r="B495" s="136"/>
      <c r="C495" s="139" t="s">
        <v>24</v>
      </c>
      <c r="D495" s="140"/>
      <c r="E495" s="141"/>
      <c r="F495" s="26"/>
    </row>
    <row r="496" spans="1:6" s="3" customFormat="1" ht="30" customHeight="1" thickBot="1" x14ac:dyDescent="0.3">
      <c r="A496" s="137"/>
      <c r="B496" s="138"/>
      <c r="C496" s="27" t="s">
        <v>25</v>
      </c>
      <c r="D496" s="142" t="s">
        <v>26</v>
      </c>
      <c r="E496" s="143"/>
    </row>
    <row r="497" spans="1:6" s="3" customFormat="1" ht="30" customHeight="1" thickBot="1" x14ac:dyDescent="0.3">
      <c r="A497" s="144" t="s">
        <v>319</v>
      </c>
      <c r="B497" s="145"/>
      <c r="C497" s="145"/>
      <c r="D497" s="145"/>
      <c r="E497" s="146"/>
    </row>
    <row r="498" spans="1:6" s="28" customFormat="1" ht="30.75" customHeight="1" x14ac:dyDescent="0.25">
      <c r="A498" s="121" t="s">
        <v>320</v>
      </c>
      <c r="B498" s="122"/>
      <c r="C498" s="48"/>
      <c r="D498" s="48"/>
      <c r="E498" s="49"/>
    </row>
    <row r="499" spans="1:6" s="4" customFormat="1" ht="120" customHeight="1" thickBot="1" x14ac:dyDescent="0.25">
      <c r="A499" s="90" t="s">
        <v>91</v>
      </c>
      <c r="B499" s="91" t="s">
        <v>792</v>
      </c>
      <c r="C499" s="85"/>
      <c r="D499" s="149"/>
      <c r="E499" s="150"/>
    </row>
    <row r="500" spans="1:6" s="3" customFormat="1" ht="20.100000000000001" customHeight="1" x14ac:dyDescent="0.25">
      <c r="A500" s="5"/>
      <c r="B500" s="5"/>
      <c r="C500" s="7"/>
      <c r="D500" s="7"/>
      <c r="E500" s="29"/>
    </row>
    <row r="501" spans="1:6" s="2" customFormat="1" ht="30" customHeight="1" thickBot="1" x14ac:dyDescent="0.3">
      <c r="A501" s="133" t="s">
        <v>321</v>
      </c>
      <c r="B501" s="134"/>
      <c r="C501" s="134"/>
      <c r="D501" s="134"/>
      <c r="E501" s="134"/>
    </row>
    <row r="502" spans="1:6" s="3" customFormat="1" ht="93" customHeight="1" x14ac:dyDescent="0.25">
      <c r="A502" s="135" t="s">
        <v>0</v>
      </c>
      <c r="B502" s="136"/>
      <c r="C502" s="139" t="s">
        <v>24</v>
      </c>
      <c r="D502" s="140"/>
      <c r="E502" s="141"/>
      <c r="F502" s="26"/>
    </row>
    <row r="503" spans="1:6" s="3" customFormat="1" ht="30" customHeight="1" thickBot="1" x14ac:dyDescent="0.3">
      <c r="A503" s="137"/>
      <c r="B503" s="138"/>
      <c r="C503" s="27" t="s">
        <v>25</v>
      </c>
      <c r="D503" s="142" t="s">
        <v>26</v>
      </c>
      <c r="E503" s="143"/>
    </row>
    <row r="504" spans="1:6" s="3" customFormat="1" ht="30" customHeight="1" thickBot="1" x14ac:dyDescent="0.3">
      <c r="A504" s="144" t="s">
        <v>322</v>
      </c>
      <c r="B504" s="145"/>
      <c r="C504" s="145"/>
      <c r="D504" s="145"/>
      <c r="E504" s="146"/>
    </row>
    <row r="505" spans="1:6" s="28" customFormat="1" ht="30.75" customHeight="1" x14ac:dyDescent="0.25">
      <c r="A505" s="121" t="s">
        <v>323</v>
      </c>
      <c r="B505" s="122"/>
      <c r="C505" s="48"/>
      <c r="D505" s="48"/>
      <c r="E505" s="49"/>
    </row>
    <row r="506" spans="1:6" s="4" customFormat="1" ht="80.099999999999994" customHeight="1" thickBot="1" x14ac:dyDescent="0.25">
      <c r="A506" s="90" t="s">
        <v>91</v>
      </c>
      <c r="B506" s="91" t="s">
        <v>793</v>
      </c>
      <c r="C506" s="85"/>
      <c r="D506" s="149"/>
      <c r="E506" s="150"/>
    </row>
    <row r="507" spans="1:6" s="3" customFormat="1" ht="20.100000000000001" customHeight="1" x14ac:dyDescent="0.25">
      <c r="A507" s="5"/>
      <c r="B507" s="5"/>
      <c r="C507" s="7"/>
      <c r="D507" s="7"/>
      <c r="E507" s="29"/>
    </row>
    <row r="508" spans="1:6" s="2" customFormat="1" ht="30" customHeight="1" thickBot="1" x14ac:dyDescent="0.3">
      <c r="A508" s="133" t="s">
        <v>325</v>
      </c>
      <c r="B508" s="134"/>
      <c r="C508" s="134"/>
      <c r="D508" s="134"/>
      <c r="E508" s="134"/>
    </row>
    <row r="509" spans="1:6" s="3" customFormat="1" ht="93" customHeight="1" x14ac:dyDescent="0.25">
      <c r="A509" s="135" t="s">
        <v>0</v>
      </c>
      <c r="B509" s="136"/>
      <c r="C509" s="139" t="s">
        <v>24</v>
      </c>
      <c r="D509" s="140"/>
      <c r="E509" s="141"/>
      <c r="F509" s="26"/>
    </row>
    <row r="510" spans="1:6" s="3" customFormat="1" ht="30" customHeight="1" thickBot="1" x14ac:dyDescent="0.3">
      <c r="A510" s="137"/>
      <c r="B510" s="138"/>
      <c r="C510" s="27" t="s">
        <v>25</v>
      </c>
      <c r="D510" s="142" t="s">
        <v>26</v>
      </c>
      <c r="E510" s="143"/>
    </row>
    <row r="511" spans="1:6" s="3" customFormat="1" ht="30" customHeight="1" thickBot="1" x14ac:dyDescent="0.3">
      <c r="A511" s="144" t="s">
        <v>328</v>
      </c>
      <c r="B511" s="145"/>
      <c r="C511" s="145"/>
      <c r="D511" s="145"/>
      <c r="E511" s="146"/>
    </row>
    <row r="512" spans="1:6" s="28" customFormat="1" ht="30.75" customHeight="1" x14ac:dyDescent="0.25">
      <c r="A512" s="121" t="s">
        <v>327</v>
      </c>
      <c r="B512" s="122"/>
      <c r="C512" s="48"/>
      <c r="D512" s="48"/>
      <c r="E512" s="49"/>
    </row>
    <row r="513" spans="1:6" s="4" customFormat="1" ht="99.95" customHeight="1" thickBot="1" x14ac:dyDescent="0.25">
      <c r="A513" s="90" t="s">
        <v>91</v>
      </c>
      <c r="B513" s="91" t="s">
        <v>794</v>
      </c>
      <c r="C513" s="85"/>
      <c r="D513" s="149"/>
      <c r="E513" s="150"/>
    </row>
    <row r="514" spans="1:6" s="3" customFormat="1" ht="20.100000000000001" customHeight="1" x14ac:dyDescent="0.25">
      <c r="A514" s="5"/>
      <c r="B514" s="5"/>
      <c r="C514" s="7"/>
      <c r="D514" s="7"/>
      <c r="E514" s="29"/>
    </row>
    <row r="515" spans="1:6" s="2" customFormat="1" ht="30" customHeight="1" thickBot="1" x14ac:dyDescent="0.3">
      <c r="A515" s="133" t="s">
        <v>329</v>
      </c>
      <c r="B515" s="134"/>
      <c r="C515" s="134"/>
      <c r="D515" s="134"/>
      <c r="E515" s="134"/>
    </row>
    <row r="516" spans="1:6" s="3" customFormat="1" ht="93" customHeight="1" x14ac:dyDescent="0.25">
      <c r="A516" s="135" t="s">
        <v>0</v>
      </c>
      <c r="B516" s="136"/>
      <c r="C516" s="139" t="s">
        <v>24</v>
      </c>
      <c r="D516" s="140"/>
      <c r="E516" s="141"/>
      <c r="F516" s="26"/>
    </row>
    <row r="517" spans="1:6" s="3" customFormat="1" ht="30" customHeight="1" thickBot="1" x14ac:dyDescent="0.3">
      <c r="A517" s="137"/>
      <c r="B517" s="138"/>
      <c r="C517" s="27" t="s">
        <v>25</v>
      </c>
      <c r="D517" s="142" t="s">
        <v>26</v>
      </c>
      <c r="E517" s="143"/>
    </row>
    <row r="518" spans="1:6" s="3" customFormat="1" ht="30" customHeight="1" thickBot="1" x14ac:dyDescent="0.3">
      <c r="A518" s="144" t="s">
        <v>330</v>
      </c>
      <c r="B518" s="145"/>
      <c r="C518" s="145"/>
      <c r="D518" s="145"/>
      <c r="E518" s="146"/>
    </row>
    <row r="519" spans="1:6" s="28" customFormat="1" ht="30.75" customHeight="1" x14ac:dyDescent="0.25">
      <c r="A519" s="121" t="s">
        <v>331</v>
      </c>
      <c r="B519" s="122"/>
      <c r="C519" s="48"/>
      <c r="D519" s="48"/>
      <c r="E519" s="49"/>
    </row>
    <row r="520" spans="1:6" s="4" customFormat="1" ht="80.099999999999994" customHeight="1" thickBot="1" x14ac:dyDescent="0.25">
      <c r="A520" s="90" t="s">
        <v>91</v>
      </c>
      <c r="B520" s="91" t="s">
        <v>795</v>
      </c>
      <c r="C520" s="85"/>
      <c r="D520" s="149"/>
      <c r="E520" s="150"/>
    </row>
    <row r="521" spans="1:6" s="3" customFormat="1" ht="20.100000000000001" customHeight="1" x14ac:dyDescent="0.25">
      <c r="A521" s="5"/>
      <c r="B521" s="5"/>
      <c r="C521" s="7"/>
      <c r="D521" s="7"/>
      <c r="E521" s="29"/>
    </row>
    <row r="522" spans="1:6" s="2" customFormat="1" ht="30" customHeight="1" thickBot="1" x14ac:dyDescent="0.3">
      <c r="A522" s="133" t="s">
        <v>333</v>
      </c>
      <c r="B522" s="134"/>
      <c r="C522" s="134"/>
      <c r="D522" s="134"/>
      <c r="E522" s="134"/>
    </row>
    <row r="523" spans="1:6" s="3" customFormat="1" ht="93" customHeight="1" x14ac:dyDescent="0.25">
      <c r="A523" s="135" t="s">
        <v>0</v>
      </c>
      <c r="B523" s="136"/>
      <c r="C523" s="139" t="s">
        <v>24</v>
      </c>
      <c r="D523" s="140"/>
      <c r="E523" s="141"/>
      <c r="F523" s="26"/>
    </row>
    <row r="524" spans="1:6" s="3" customFormat="1" ht="30" customHeight="1" thickBot="1" x14ac:dyDescent="0.3">
      <c r="A524" s="137"/>
      <c r="B524" s="138"/>
      <c r="C524" s="27" t="s">
        <v>25</v>
      </c>
      <c r="D524" s="142" t="s">
        <v>26</v>
      </c>
      <c r="E524" s="143"/>
    </row>
    <row r="525" spans="1:6" s="3" customFormat="1" ht="30" customHeight="1" thickBot="1" x14ac:dyDescent="0.3">
      <c r="A525" s="144" t="s">
        <v>335</v>
      </c>
      <c r="B525" s="145"/>
      <c r="C525" s="145"/>
      <c r="D525" s="145"/>
      <c r="E525" s="146"/>
    </row>
    <row r="526" spans="1:6" s="28" customFormat="1" ht="30.75" customHeight="1" x14ac:dyDescent="0.25">
      <c r="A526" s="121" t="s">
        <v>336</v>
      </c>
      <c r="B526" s="122"/>
      <c r="C526" s="48"/>
      <c r="D526" s="48"/>
      <c r="E526" s="49"/>
    </row>
    <row r="527" spans="1:6" s="4" customFormat="1" ht="80.099999999999994" customHeight="1" thickBot="1" x14ac:dyDescent="0.25">
      <c r="A527" s="90" t="s">
        <v>91</v>
      </c>
      <c r="B527" s="91" t="s">
        <v>796</v>
      </c>
      <c r="C527" s="85"/>
      <c r="D527" s="149"/>
      <c r="E527" s="150"/>
    </row>
    <row r="528" spans="1:6" s="3" customFormat="1" ht="20.100000000000001" customHeight="1" x14ac:dyDescent="0.25">
      <c r="A528" s="5"/>
      <c r="B528" s="5"/>
      <c r="C528" s="7"/>
      <c r="D528" s="7"/>
      <c r="E528" s="29"/>
    </row>
    <row r="529" spans="1:6" s="2" customFormat="1" ht="30" customHeight="1" thickBot="1" x14ac:dyDescent="0.3">
      <c r="A529" s="133" t="s">
        <v>337</v>
      </c>
      <c r="B529" s="134"/>
      <c r="C529" s="134"/>
      <c r="D529" s="134"/>
      <c r="E529" s="134"/>
    </row>
    <row r="530" spans="1:6" s="3" customFormat="1" ht="93" customHeight="1" x14ac:dyDescent="0.25">
      <c r="A530" s="135" t="s">
        <v>0</v>
      </c>
      <c r="B530" s="136"/>
      <c r="C530" s="139" t="s">
        <v>24</v>
      </c>
      <c r="D530" s="140"/>
      <c r="E530" s="141"/>
      <c r="F530" s="26"/>
    </row>
    <row r="531" spans="1:6" s="3" customFormat="1" ht="30" customHeight="1" thickBot="1" x14ac:dyDescent="0.3">
      <c r="A531" s="137"/>
      <c r="B531" s="138"/>
      <c r="C531" s="27" t="s">
        <v>25</v>
      </c>
      <c r="D531" s="142" t="s">
        <v>26</v>
      </c>
      <c r="E531" s="143"/>
    </row>
    <row r="532" spans="1:6" s="3" customFormat="1" ht="30" customHeight="1" thickBot="1" x14ac:dyDescent="0.3">
      <c r="A532" s="144" t="s">
        <v>338</v>
      </c>
      <c r="B532" s="145"/>
      <c r="C532" s="145"/>
      <c r="D532" s="145"/>
      <c r="E532" s="146"/>
    </row>
    <row r="533" spans="1:6" s="28" customFormat="1" ht="30.75" customHeight="1" x14ac:dyDescent="0.25">
      <c r="A533" s="121" t="s">
        <v>339</v>
      </c>
      <c r="B533" s="122"/>
      <c r="C533" s="48"/>
      <c r="D533" s="48"/>
      <c r="E533" s="49"/>
    </row>
    <row r="534" spans="1:6" s="4" customFormat="1" ht="80.099999999999994" customHeight="1" thickBot="1" x14ac:dyDescent="0.3">
      <c r="A534" s="56" t="s">
        <v>91</v>
      </c>
      <c r="B534" s="57" t="s">
        <v>797</v>
      </c>
      <c r="C534" s="51"/>
      <c r="D534" s="147"/>
      <c r="E534" s="148"/>
    </row>
    <row r="535" spans="1:6" s="28" customFormat="1" ht="30.75" customHeight="1" x14ac:dyDescent="0.25">
      <c r="A535" s="121" t="s">
        <v>340</v>
      </c>
      <c r="B535" s="122"/>
      <c r="C535" s="48"/>
      <c r="D535" s="48"/>
      <c r="E535" s="49"/>
    </row>
    <row r="536" spans="1:6" s="4" customFormat="1" ht="110.1" customHeight="1" thickBot="1" x14ac:dyDescent="0.3">
      <c r="A536" s="88">
        <v>44563</v>
      </c>
      <c r="B536" s="89" t="s">
        <v>798</v>
      </c>
      <c r="C536" s="85"/>
      <c r="D536" s="149"/>
      <c r="E536" s="150"/>
    </row>
    <row r="537" spans="1:6" s="3" customFormat="1" ht="20.100000000000001" customHeight="1" x14ac:dyDescent="0.25">
      <c r="A537" s="5"/>
      <c r="B537" s="5"/>
      <c r="C537" s="7"/>
      <c r="D537" s="7"/>
      <c r="E537" s="29"/>
    </row>
    <row r="538" spans="1:6" s="2" customFormat="1" ht="30" customHeight="1" thickBot="1" x14ac:dyDescent="0.3">
      <c r="A538" s="133" t="s">
        <v>345</v>
      </c>
      <c r="B538" s="134"/>
      <c r="C538" s="134"/>
      <c r="D538" s="134"/>
      <c r="E538" s="134"/>
    </row>
    <row r="539" spans="1:6" s="3" customFormat="1" ht="93" customHeight="1" x14ac:dyDescent="0.25">
      <c r="A539" s="135" t="s">
        <v>0</v>
      </c>
      <c r="B539" s="136"/>
      <c r="C539" s="139" t="s">
        <v>24</v>
      </c>
      <c r="D539" s="140"/>
      <c r="E539" s="141"/>
      <c r="F539" s="26"/>
    </row>
    <row r="540" spans="1:6" s="3" customFormat="1" ht="30" customHeight="1" thickBot="1" x14ac:dyDescent="0.3">
      <c r="A540" s="137"/>
      <c r="B540" s="138"/>
      <c r="C540" s="27" t="s">
        <v>25</v>
      </c>
      <c r="D540" s="142" t="s">
        <v>26</v>
      </c>
      <c r="E540" s="143"/>
    </row>
    <row r="541" spans="1:6" s="3" customFormat="1" ht="30" customHeight="1" thickBot="1" x14ac:dyDescent="0.3">
      <c r="A541" s="144" t="s">
        <v>346</v>
      </c>
      <c r="B541" s="145"/>
      <c r="C541" s="145"/>
      <c r="D541" s="145"/>
      <c r="E541" s="146"/>
    </row>
    <row r="542" spans="1:6" s="28" customFormat="1" ht="30.75" customHeight="1" x14ac:dyDescent="0.25">
      <c r="A542" s="121" t="s">
        <v>347</v>
      </c>
      <c r="B542" s="122"/>
      <c r="C542" s="48"/>
      <c r="D542" s="48"/>
      <c r="E542" s="49"/>
    </row>
    <row r="543" spans="1:6" s="4" customFormat="1" ht="80.099999999999994" customHeight="1" thickBot="1" x14ac:dyDescent="0.25">
      <c r="A543" s="90" t="s">
        <v>91</v>
      </c>
      <c r="B543" s="91" t="s">
        <v>799</v>
      </c>
      <c r="C543" s="85"/>
      <c r="D543" s="149"/>
      <c r="E543" s="150"/>
    </row>
    <row r="544" spans="1:6" s="3" customFormat="1" ht="20.100000000000001" customHeight="1" x14ac:dyDescent="0.25">
      <c r="A544" s="5"/>
      <c r="B544" s="5"/>
      <c r="C544" s="7"/>
      <c r="D544" s="7"/>
      <c r="E544" s="29"/>
    </row>
    <row r="545" spans="1:6" s="2" customFormat="1" ht="30" customHeight="1" thickBot="1" x14ac:dyDescent="0.3">
      <c r="A545" s="133" t="s">
        <v>348</v>
      </c>
      <c r="B545" s="134"/>
      <c r="C545" s="134"/>
      <c r="D545" s="134"/>
      <c r="E545" s="134"/>
    </row>
    <row r="546" spans="1:6" s="3" customFormat="1" ht="93" customHeight="1" x14ac:dyDescent="0.25">
      <c r="A546" s="135" t="s">
        <v>0</v>
      </c>
      <c r="B546" s="136"/>
      <c r="C546" s="139" t="s">
        <v>24</v>
      </c>
      <c r="D546" s="140"/>
      <c r="E546" s="141"/>
      <c r="F546" s="26"/>
    </row>
    <row r="547" spans="1:6" s="3" customFormat="1" ht="30" customHeight="1" thickBot="1" x14ac:dyDescent="0.3">
      <c r="A547" s="137"/>
      <c r="B547" s="138"/>
      <c r="C547" s="27" t="s">
        <v>25</v>
      </c>
      <c r="D547" s="142" t="s">
        <v>26</v>
      </c>
      <c r="E547" s="143"/>
    </row>
    <row r="548" spans="1:6" s="3" customFormat="1" ht="30" customHeight="1" thickBot="1" x14ac:dyDescent="0.3">
      <c r="A548" s="144" t="s">
        <v>349</v>
      </c>
      <c r="B548" s="145"/>
      <c r="C548" s="145"/>
      <c r="D548" s="145"/>
      <c r="E548" s="146"/>
    </row>
    <row r="549" spans="1:6" s="28" customFormat="1" ht="30.75" customHeight="1" x14ac:dyDescent="0.25">
      <c r="A549" s="121" t="s">
        <v>350</v>
      </c>
      <c r="B549" s="122"/>
      <c r="C549" s="48"/>
      <c r="D549" s="48"/>
      <c r="E549" s="49"/>
    </row>
    <row r="550" spans="1:6" s="4" customFormat="1" ht="80.099999999999994" customHeight="1" thickBot="1" x14ac:dyDescent="0.25">
      <c r="A550" s="90" t="s">
        <v>91</v>
      </c>
      <c r="B550" s="91" t="s">
        <v>800</v>
      </c>
      <c r="C550" s="85"/>
      <c r="D550" s="149"/>
      <c r="E550" s="150"/>
    </row>
    <row r="551" spans="1:6" s="3" customFormat="1" ht="20.100000000000001" customHeight="1" x14ac:dyDescent="0.25">
      <c r="A551" s="5"/>
      <c r="B551" s="5"/>
      <c r="C551" s="7"/>
      <c r="D551" s="7"/>
      <c r="E551" s="29"/>
    </row>
    <row r="552" spans="1:6" s="2" customFormat="1" ht="30" customHeight="1" thickBot="1" x14ac:dyDescent="0.3">
      <c r="A552" s="133" t="s">
        <v>352</v>
      </c>
      <c r="B552" s="134"/>
      <c r="C552" s="134"/>
      <c r="D552" s="134"/>
      <c r="E552" s="134"/>
    </row>
    <row r="553" spans="1:6" s="3" customFormat="1" ht="93" customHeight="1" x14ac:dyDescent="0.25">
      <c r="A553" s="135" t="s">
        <v>0</v>
      </c>
      <c r="B553" s="136"/>
      <c r="C553" s="139" t="s">
        <v>24</v>
      </c>
      <c r="D553" s="140"/>
      <c r="E553" s="141"/>
      <c r="F553" s="26"/>
    </row>
    <row r="554" spans="1:6" s="3" customFormat="1" ht="30" customHeight="1" thickBot="1" x14ac:dyDescent="0.3">
      <c r="A554" s="137"/>
      <c r="B554" s="138"/>
      <c r="C554" s="27" t="s">
        <v>25</v>
      </c>
      <c r="D554" s="142" t="s">
        <v>26</v>
      </c>
      <c r="E554" s="143"/>
    </row>
    <row r="555" spans="1:6" s="3" customFormat="1" ht="30" customHeight="1" thickBot="1" x14ac:dyDescent="0.3">
      <c r="A555" s="144" t="s">
        <v>947</v>
      </c>
      <c r="B555" s="145"/>
      <c r="C555" s="145"/>
      <c r="D555" s="145"/>
      <c r="E555" s="146"/>
    </row>
    <row r="556" spans="1:6" s="28" customFormat="1" ht="30.75" customHeight="1" x14ac:dyDescent="0.25">
      <c r="A556" s="121" t="s">
        <v>354</v>
      </c>
      <c r="B556" s="122"/>
      <c r="C556" s="48"/>
      <c r="D556" s="48"/>
      <c r="E556" s="49"/>
    </row>
    <row r="557" spans="1:6" s="4" customFormat="1" ht="80.099999999999994" customHeight="1" thickBot="1" x14ac:dyDescent="0.25">
      <c r="A557" s="90" t="s">
        <v>91</v>
      </c>
      <c r="B557" s="120" t="s">
        <v>946</v>
      </c>
      <c r="C557" s="85"/>
      <c r="D557" s="149"/>
      <c r="E557" s="150"/>
    </row>
    <row r="558" spans="1:6" s="3" customFormat="1" ht="20.100000000000001" customHeight="1" x14ac:dyDescent="0.25">
      <c r="A558" s="5"/>
      <c r="B558" s="5"/>
      <c r="C558" s="7"/>
      <c r="D558" s="7"/>
      <c r="E558" s="29"/>
    </row>
    <row r="559" spans="1:6" s="2" customFormat="1" ht="30" customHeight="1" thickBot="1" x14ac:dyDescent="0.3">
      <c r="A559" s="133" t="s">
        <v>355</v>
      </c>
      <c r="B559" s="134"/>
      <c r="C559" s="134"/>
      <c r="D559" s="134"/>
      <c r="E559" s="134"/>
    </row>
    <row r="560" spans="1:6" s="3" customFormat="1" ht="93" customHeight="1" x14ac:dyDescent="0.25">
      <c r="A560" s="135" t="s">
        <v>0</v>
      </c>
      <c r="B560" s="136"/>
      <c r="C560" s="139" t="s">
        <v>24</v>
      </c>
      <c r="D560" s="140"/>
      <c r="E560" s="141"/>
      <c r="F560" s="26"/>
    </row>
    <row r="561" spans="1:6" s="3" customFormat="1" ht="30" customHeight="1" thickBot="1" x14ac:dyDescent="0.3">
      <c r="A561" s="137"/>
      <c r="B561" s="138"/>
      <c r="C561" s="27" t="s">
        <v>25</v>
      </c>
      <c r="D561" s="142" t="s">
        <v>26</v>
      </c>
      <c r="E561" s="143"/>
    </row>
    <row r="562" spans="1:6" s="3" customFormat="1" ht="30" customHeight="1" thickBot="1" x14ac:dyDescent="0.3">
      <c r="A562" s="144" t="s">
        <v>356</v>
      </c>
      <c r="B562" s="145"/>
      <c r="C562" s="145"/>
      <c r="D562" s="145"/>
      <c r="E562" s="146"/>
    </row>
    <row r="563" spans="1:6" s="28" customFormat="1" ht="30.75" customHeight="1" x14ac:dyDescent="0.25">
      <c r="A563" s="121" t="s">
        <v>357</v>
      </c>
      <c r="B563" s="122"/>
      <c r="C563" s="48"/>
      <c r="D563" s="48"/>
      <c r="E563" s="49"/>
    </row>
    <row r="564" spans="1:6" s="4" customFormat="1" ht="50.1" customHeight="1" x14ac:dyDescent="0.25">
      <c r="A564" s="56" t="s">
        <v>91</v>
      </c>
      <c r="B564" s="57" t="s">
        <v>358</v>
      </c>
      <c r="C564" s="51"/>
      <c r="D564" s="156"/>
      <c r="E564" s="157"/>
    </row>
    <row r="565" spans="1:6" s="4" customFormat="1" ht="50.1" customHeight="1" thickBot="1" x14ac:dyDescent="0.3">
      <c r="A565" s="58">
        <v>44593</v>
      </c>
      <c r="B565" s="57" t="s">
        <v>359</v>
      </c>
      <c r="C565" s="85"/>
      <c r="D565" s="160"/>
      <c r="E565" s="161"/>
    </row>
    <row r="566" spans="1:6" s="4" customFormat="1" ht="69.95" customHeight="1" x14ac:dyDescent="0.25">
      <c r="A566" s="92">
        <v>44621</v>
      </c>
      <c r="B566" s="93" t="s">
        <v>360</v>
      </c>
      <c r="C566" s="51"/>
      <c r="D566" s="160"/>
      <c r="E566" s="161"/>
    </row>
    <row r="567" spans="1:6" s="4" customFormat="1" ht="30" customHeight="1" thickBot="1" x14ac:dyDescent="0.3">
      <c r="A567" s="58">
        <v>44652</v>
      </c>
      <c r="B567" s="57" t="s">
        <v>361</v>
      </c>
      <c r="C567" s="85"/>
      <c r="D567" s="160"/>
      <c r="E567" s="161"/>
    </row>
    <row r="568" spans="1:6" s="4" customFormat="1" ht="39.950000000000003" customHeight="1" thickBot="1" x14ac:dyDescent="0.3">
      <c r="A568" s="92">
        <v>44682</v>
      </c>
      <c r="B568" s="93" t="s">
        <v>801</v>
      </c>
      <c r="C568" s="85"/>
      <c r="D568" s="160"/>
      <c r="E568" s="161"/>
    </row>
    <row r="569" spans="1:6" s="4" customFormat="1" ht="30" customHeight="1" x14ac:dyDescent="0.25">
      <c r="A569" s="92">
        <v>44713</v>
      </c>
      <c r="B569" s="93" t="s">
        <v>362</v>
      </c>
      <c r="C569" s="51"/>
      <c r="D569" s="160"/>
      <c r="E569" s="161"/>
    </row>
    <row r="570" spans="1:6" s="4" customFormat="1" ht="20.100000000000001" customHeight="1" thickBot="1" x14ac:dyDescent="0.3">
      <c r="A570" s="88">
        <v>44743</v>
      </c>
      <c r="B570" s="89" t="s">
        <v>363</v>
      </c>
      <c r="C570" s="85"/>
      <c r="D570" s="158"/>
      <c r="E570" s="159"/>
    </row>
    <row r="571" spans="1:6" s="3" customFormat="1" ht="20.100000000000001" customHeight="1" x14ac:dyDescent="0.25">
      <c r="A571" s="5"/>
      <c r="B571" s="5"/>
      <c r="C571" s="7"/>
      <c r="D571" s="7"/>
      <c r="E571" s="29"/>
    </row>
    <row r="572" spans="1:6" s="2" customFormat="1" ht="30" customHeight="1" thickBot="1" x14ac:dyDescent="0.3">
      <c r="A572" s="133" t="s">
        <v>366</v>
      </c>
      <c r="B572" s="134"/>
      <c r="C572" s="134"/>
      <c r="D572" s="134"/>
      <c r="E572" s="134"/>
    </row>
    <row r="573" spans="1:6" s="3" customFormat="1" ht="93" customHeight="1" x14ac:dyDescent="0.25">
      <c r="A573" s="135" t="s">
        <v>0</v>
      </c>
      <c r="B573" s="136"/>
      <c r="C573" s="139" t="s">
        <v>24</v>
      </c>
      <c r="D573" s="140"/>
      <c r="E573" s="141"/>
      <c r="F573" s="26"/>
    </row>
    <row r="574" spans="1:6" s="3" customFormat="1" ht="30" customHeight="1" thickBot="1" x14ac:dyDescent="0.3">
      <c r="A574" s="137"/>
      <c r="B574" s="138"/>
      <c r="C574" s="27" t="s">
        <v>25</v>
      </c>
      <c r="D574" s="142" t="s">
        <v>26</v>
      </c>
      <c r="E574" s="143"/>
    </row>
    <row r="575" spans="1:6" s="3" customFormat="1" ht="80.099999999999994" customHeight="1" thickBot="1" x14ac:dyDescent="0.3">
      <c r="A575" s="144" t="s">
        <v>367</v>
      </c>
      <c r="B575" s="145"/>
      <c r="C575" s="145"/>
      <c r="D575" s="145"/>
      <c r="E575" s="146"/>
    </row>
    <row r="576" spans="1:6" s="28" customFormat="1" ht="30.75" customHeight="1" x14ac:dyDescent="0.25">
      <c r="A576" s="121" t="s">
        <v>368</v>
      </c>
      <c r="B576" s="122"/>
      <c r="C576" s="48"/>
      <c r="D576" s="48"/>
      <c r="E576" s="49"/>
    </row>
    <row r="577" spans="1:6" s="4" customFormat="1" ht="80.099999999999994" customHeight="1" x14ac:dyDescent="0.25">
      <c r="A577" s="56" t="s">
        <v>91</v>
      </c>
      <c r="B577" s="57" t="s">
        <v>369</v>
      </c>
      <c r="C577" s="51"/>
      <c r="D577" s="156"/>
      <c r="E577" s="157"/>
    </row>
    <row r="578" spans="1:6" s="4" customFormat="1" ht="50.1" customHeight="1" thickBot="1" x14ac:dyDescent="0.3">
      <c r="A578" s="58">
        <v>44593</v>
      </c>
      <c r="B578" s="57" t="s">
        <v>370</v>
      </c>
      <c r="C578" s="85"/>
      <c r="D578" s="160"/>
      <c r="E578" s="161"/>
    </row>
    <row r="579" spans="1:6" s="4" customFormat="1" ht="60" customHeight="1" x14ac:dyDescent="0.2">
      <c r="A579" s="92">
        <v>44621</v>
      </c>
      <c r="B579" s="97" t="s">
        <v>389</v>
      </c>
      <c r="C579" s="51"/>
      <c r="D579" s="160"/>
      <c r="E579" s="161"/>
    </row>
    <row r="580" spans="1:6" s="4" customFormat="1" ht="30" customHeight="1" thickBot="1" x14ac:dyDescent="0.3">
      <c r="A580" s="58">
        <v>44652</v>
      </c>
      <c r="B580" s="96" t="s">
        <v>371</v>
      </c>
      <c r="C580" s="85"/>
      <c r="D580" s="160"/>
      <c r="E580" s="161"/>
    </row>
    <row r="581" spans="1:6" s="4" customFormat="1" ht="30" customHeight="1" thickBot="1" x14ac:dyDescent="0.3">
      <c r="A581" s="92">
        <v>44682</v>
      </c>
      <c r="B581" s="93" t="s">
        <v>802</v>
      </c>
      <c r="C581" s="85"/>
      <c r="D581" s="160"/>
      <c r="E581" s="161"/>
    </row>
    <row r="582" spans="1:6" s="4" customFormat="1" ht="30" customHeight="1" thickBot="1" x14ac:dyDescent="0.3">
      <c r="A582" s="94">
        <v>44713</v>
      </c>
      <c r="B582" s="95" t="s">
        <v>372</v>
      </c>
      <c r="C582" s="85"/>
      <c r="D582" s="158"/>
      <c r="E582" s="159"/>
    </row>
    <row r="583" spans="1:6" s="3" customFormat="1" ht="20.100000000000001" customHeight="1" x14ac:dyDescent="0.25">
      <c r="A583" s="5"/>
      <c r="B583" s="5"/>
      <c r="C583" s="7"/>
      <c r="D583" s="7"/>
      <c r="E583" s="29"/>
    </row>
    <row r="584" spans="1:6" s="2" customFormat="1" ht="30" customHeight="1" thickBot="1" x14ac:dyDescent="0.3">
      <c r="A584" s="133" t="s">
        <v>373</v>
      </c>
      <c r="B584" s="134"/>
      <c r="C584" s="134"/>
      <c r="D584" s="134"/>
      <c r="E584" s="134"/>
    </row>
    <row r="585" spans="1:6" s="3" customFormat="1" ht="93" customHeight="1" x14ac:dyDescent="0.25">
      <c r="A585" s="135" t="s">
        <v>0</v>
      </c>
      <c r="B585" s="136"/>
      <c r="C585" s="139" t="s">
        <v>24</v>
      </c>
      <c r="D585" s="140"/>
      <c r="E585" s="141"/>
      <c r="F585" s="26"/>
    </row>
    <row r="586" spans="1:6" s="3" customFormat="1" ht="30" customHeight="1" thickBot="1" x14ac:dyDescent="0.3">
      <c r="A586" s="137"/>
      <c r="B586" s="138"/>
      <c r="C586" s="27" t="s">
        <v>25</v>
      </c>
      <c r="D586" s="142" t="s">
        <v>26</v>
      </c>
      <c r="E586" s="143"/>
    </row>
    <row r="587" spans="1:6" s="3" customFormat="1" ht="50.1" customHeight="1" thickBot="1" x14ac:dyDescent="0.3">
      <c r="A587" s="144" t="s">
        <v>374</v>
      </c>
      <c r="B587" s="145"/>
      <c r="C587" s="145"/>
      <c r="D587" s="145"/>
      <c r="E587" s="146"/>
    </row>
    <row r="588" spans="1:6" s="28" customFormat="1" ht="30.75" customHeight="1" x14ac:dyDescent="0.25">
      <c r="A588" s="121" t="s">
        <v>375</v>
      </c>
      <c r="B588" s="122"/>
      <c r="C588" s="48"/>
      <c r="D588" s="48"/>
      <c r="E588" s="49"/>
    </row>
    <row r="589" spans="1:6" s="4" customFormat="1" ht="80.099999999999994" customHeight="1" thickBot="1" x14ac:dyDescent="0.3">
      <c r="A589" s="56" t="s">
        <v>91</v>
      </c>
      <c r="B589" s="57" t="s">
        <v>383</v>
      </c>
      <c r="C589" s="51"/>
      <c r="D589" s="147"/>
      <c r="E589" s="148"/>
    </row>
    <row r="590" spans="1:6" s="28" customFormat="1" ht="30.75" customHeight="1" x14ac:dyDescent="0.25">
      <c r="A590" s="121" t="s">
        <v>376</v>
      </c>
      <c r="B590" s="122"/>
      <c r="C590" s="48"/>
      <c r="D590" s="48"/>
      <c r="E590" s="49"/>
    </row>
    <row r="591" spans="1:6" s="4" customFormat="1" ht="20.100000000000001" customHeight="1" thickBot="1" x14ac:dyDescent="0.3">
      <c r="A591" s="58" t="s">
        <v>207</v>
      </c>
      <c r="B591" s="57" t="s">
        <v>384</v>
      </c>
      <c r="C591" s="51"/>
      <c r="D591" s="147"/>
      <c r="E591" s="148"/>
    </row>
    <row r="592" spans="1:6" s="28" customFormat="1" ht="30.75" customHeight="1" x14ac:dyDescent="0.25">
      <c r="A592" s="121" t="s">
        <v>377</v>
      </c>
      <c r="B592" s="122"/>
      <c r="C592" s="48"/>
      <c r="D592" s="48"/>
      <c r="E592" s="49"/>
    </row>
    <row r="593" spans="1:6" s="4" customFormat="1" ht="30" customHeight="1" thickBot="1" x14ac:dyDescent="0.3">
      <c r="A593" s="88">
        <v>44564</v>
      </c>
      <c r="B593" s="89" t="s">
        <v>385</v>
      </c>
      <c r="C593" s="85"/>
      <c r="D593" s="149"/>
      <c r="E593" s="150"/>
    </row>
    <row r="594" spans="1:6" s="28" customFormat="1" ht="30.75" customHeight="1" x14ac:dyDescent="0.25">
      <c r="A594" s="121" t="s">
        <v>378</v>
      </c>
      <c r="B594" s="122"/>
      <c r="C594" s="48"/>
      <c r="D594" s="48"/>
      <c r="E594" s="49"/>
    </row>
    <row r="595" spans="1:6" s="4" customFormat="1" ht="69.95" customHeight="1" x14ac:dyDescent="0.25">
      <c r="A595" s="58" t="s">
        <v>379</v>
      </c>
      <c r="B595" s="57" t="s">
        <v>803</v>
      </c>
      <c r="C595" s="51"/>
      <c r="D595" s="156"/>
      <c r="E595" s="157"/>
    </row>
    <row r="596" spans="1:6" s="4" customFormat="1" ht="20.100000000000001" customHeight="1" x14ac:dyDescent="0.25">
      <c r="A596" s="58" t="s">
        <v>380</v>
      </c>
      <c r="B596" s="57" t="s">
        <v>386</v>
      </c>
      <c r="C596" s="51"/>
      <c r="D596" s="160"/>
      <c r="E596" s="161"/>
    </row>
    <row r="597" spans="1:6" s="4" customFormat="1" ht="20.100000000000001" customHeight="1" thickBot="1" x14ac:dyDescent="0.3">
      <c r="A597" s="58" t="s">
        <v>381</v>
      </c>
      <c r="B597" s="57" t="s">
        <v>387</v>
      </c>
      <c r="C597" s="51"/>
      <c r="D597" s="158"/>
      <c r="E597" s="159"/>
    </row>
    <row r="598" spans="1:6" s="28" customFormat="1" ht="30.75" customHeight="1" x14ac:dyDescent="0.25">
      <c r="A598" s="121" t="s">
        <v>382</v>
      </c>
      <c r="B598" s="122"/>
      <c r="C598" s="48"/>
      <c r="D598" s="48"/>
      <c r="E598" s="49"/>
    </row>
    <row r="599" spans="1:6" s="4" customFormat="1" ht="30" customHeight="1" thickBot="1" x14ac:dyDescent="0.3">
      <c r="A599" s="88">
        <v>44566</v>
      </c>
      <c r="B599" s="89" t="s">
        <v>388</v>
      </c>
      <c r="C599" s="85"/>
      <c r="D599" s="149"/>
      <c r="E599" s="150"/>
    </row>
    <row r="600" spans="1:6" s="3" customFormat="1" ht="20.100000000000001" customHeight="1" x14ac:dyDescent="0.25">
      <c r="A600" s="5"/>
      <c r="B600" s="5"/>
      <c r="C600" s="7"/>
      <c r="D600" s="7"/>
      <c r="E600" s="29"/>
    </row>
    <row r="601" spans="1:6" s="2" customFormat="1" ht="30" customHeight="1" thickBot="1" x14ac:dyDescent="0.3">
      <c r="A601" s="133" t="s">
        <v>394</v>
      </c>
      <c r="B601" s="134"/>
      <c r="C601" s="134"/>
      <c r="D601" s="134"/>
      <c r="E601" s="134"/>
    </row>
    <row r="602" spans="1:6" s="3" customFormat="1" ht="93" customHeight="1" x14ac:dyDescent="0.25">
      <c r="A602" s="135" t="s">
        <v>0</v>
      </c>
      <c r="B602" s="136"/>
      <c r="C602" s="139" t="s">
        <v>24</v>
      </c>
      <c r="D602" s="140"/>
      <c r="E602" s="141"/>
      <c r="F602" s="26"/>
    </row>
    <row r="603" spans="1:6" s="3" customFormat="1" ht="30" customHeight="1" thickBot="1" x14ac:dyDescent="0.3">
      <c r="A603" s="137"/>
      <c r="B603" s="138"/>
      <c r="C603" s="27" t="s">
        <v>25</v>
      </c>
      <c r="D603" s="142" t="s">
        <v>26</v>
      </c>
      <c r="E603" s="143"/>
    </row>
    <row r="604" spans="1:6" s="3" customFormat="1" ht="50.1" customHeight="1" thickBot="1" x14ac:dyDescent="0.3">
      <c r="A604" s="144" t="s">
        <v>400</v>
      </c>
      <c r="B604" s="145"/>
      <c r="C604" s="145"/>
      <c r="D604" s="145"/>
      <c r="E604" s="146"/>
    </row>
    <row r="605" spans="1:6" s="28" customFormat="1" ht="30.75" customHeight="1" x14ac:dyDescent="0.25">
      <c r="A605" s="121" t="s">
        <v>406</v>
      </c>
      <c r="B605" s="122"/>
      <c r="C605" s="48"/>
      <c r="D605" s="48"/>
      <c r="E605" s="49"/>
    </row>
    <row r="606" spans="1:6" s="4" customFormat="1" ht="50.1" customHeight="1" x14ac:dyDescent="0.25">
      <c r="A606" s="56" t="s">
        <v>91</v>
      </c>
      <c r="B606" s="57" t="s">
        <v>403</v>
      </c>
      <c r="C606" s="51"/>
      <c r="D606" s="156"/>
      <c r="E606" s="157"/>
    </row>
    <row r="607" spans="1:6" s="4" customFormat="1" ht="80.099999999999994" customHeight="1" x14ac:dyDescent="0.25">
      <c r="A607" s="58">
        <v>44593</v>
      </c>
      <c r="B607" s="57" t="s">
        <v>804</v>
      </c>
      <c r="C607" s="51"/>
      <c r="D607" s="160"/>
      <c r="E607" s="161"/>
    </row>
    <row r="608" spans="1:6" s="4" customFormat="1" ht="20.100000000000001" customHeight="1" x14ac:dyDescent="0.25">
      <c r="A608" s="58">
        <v>44621</v>
      </c>
      <c r="B608" s="57" t="s">
        <v>404</v>
      </c>
      <c r="C608" s="51"/>
      <c r="D608" s="160"/>
      <c r="E608" s="161"/>
    </row>
    <row r="609" spans="1:5" s="4" customFormat="1" ht="30" customHeight="1" x14ac:dyDescent="0.25">
      <c r="A609" s="81" t="s">
        <v>401</v>
      </c>
      <c r="B609" s="57" t="s">
        <v>805</v>
      </c>
      <c r="C609" s="51"/>
      <c r="D609" s="160"/>
      <c r="E609" s="161"/>
    </row>
    <row r="610" spans="1:5" s="4" customFormat="1" ht="20.100000000000001" customHeight="1" x14ac:dyDescent="0.25">
      <c r="A610" s="58">
        <v>44652</v>
      </c>
      <c r="B610" s="57" t="s">
        <v>405</v>
      </c>
      <c r="C610" s="51"/>
      <c r="D610" s="160"/>
      <c r="E610" s="161"/>
    </row>
    <row r="611" spans="1:5" s="4" customFormat="1" ht="30" customHeight="1" thickBot="1" x14ac:dyDescent="0.3">
      <c r="A611" s="81" t="s">
        <v>402</v>
      </c>
      <c r="B611" s="57" t="s">
        <v>806</v>
      </c>
      <c r="C611" s="51"/>
      <c r="D611" s="158"/>
      <c r="E611" s="159"/>
    </row>
    <row r="612" spans="1:5" s="28" customFormat="1" ht="30.75" customHeight="1" x14ac:dyDescent="0.25">
      <c r="A612" s="121" t="s">
        <v>407</v>
      </c>
      <c r="B612" s="122"/>
      <c r="C612" s="48"/>
      <c r="D612" s="48"/>
      <c r="E612" s="49"/>
    </row>
    <row r="613" spans="1:5" s="4" customFormat="1" ht="50.1" customHeight="1" x14ac:dyDescent="0.25">
      <c r="A613" s="58" t="s">
        <v>207</v>
      </c>
      <c r="B613" s="57" t="s">
        <v>403</v>
      </c>
      <c r="C613" s="51"/>
      <c r="D613" s="156"/>
      <c r="E613" s="157"/>
    </row>
    <row r="614" spans="1:5" s="4" customFormat="1" ht="80.099999999999994" customHeight="1" x14ac:dyDescent="0.25">
      <c r="A614" s="58">
        <v>44594</v>
      </c>
      <c r="B614" s="57" t="s">
        <v>807</v>
      </c>
      <c r="C614" s="51"/>
      <c r="D614" s="160"/>
      <c r="E614" s="161"/>
    </row>
    <row r="615" spans="1:5" s="4" customFormat="1" ht="20.100000000000001" customHeight="1" x14ac:dyDescent="0.25">
      <c r="A615" s="58">
        <v>44622</v>
      </c>
      <c r="B615" s="57" t="s">
        <v>410</v>
      </c>
      <c r="C615" s="51"/>
      <c r="D615" s="160"/>
      <c r="E615" s="161"/>
    </row>
    <row r="616" spans="1:5" s="4" customFormat="1" ht="30" customHeight="1" x14ac:dyDescent="0.25">
      <c r="A616" s="81" t="s">
        <v>408</v>
      </c>
      <c r="B616" s="57" t="s">
        <v>808</v>
      </c>
      <c r="C616" s="51"/>
      <c r="D616" s="160"/>
      <c r="E616" s="161"/>
    </row>
    <row r="617" spans="1:5" s="4" customFormat="1" ht="20.100000000000001" customHeight="1" x14ac:dyDescent="0.25">
      <c r="A617" s="58">
        <v>44653</v>
      </c>
      <c r="B617" s="57" t="s">
        <v>411</v>
      </c>
      <c r="C617" s="51"/>
      <c r="D617" s="160"/>
      <c r="E617" s="161"/>
    </row>
    <row r="618" spans="1:5" s="4" customFormat="1" ht="30" customHeight="1" thickBot="1" x14ac:dyDescent="0.3">
      <c r="A618" s="81" t="s">
        <v>409</v>
      </c>
      <c r="B618" s="57" t="s">
        <v>809</v>
      </c>
      <c r="C618" s="51"/>
      <c r="D618" s="158"/>
      <c r="E618" s="159"/>
    </row>
    <row r="619" spans="1:5" s="28" customFormat="1" ht="30.75" customHeight="1" x14ac:dyDescent="0.25">
      <c r="A619" s="121" t="s">
        <v>412</v>
      </c>
      <c r="B619" s="122"/>
      <c r="C619" s="122"/>
      <c r="D619" s="122"/>
      <c r="E619" s="123"/>
    </row>
    <row r="620" spans="1:5" s="4" customFormat="1" ht="50.1" customHeight="1" thickBot="1" x14ac:dyDescent="0.3">
      <c r="A620" s="58">
        <v>44564</v>
      </c>
      <c r="B620" s="57" t="s">
        <v>415</v>
      </c>
      <c r="C620" s="85"/>
      <c r="D620" s="156"/>
      <c r="E620" s="157"/>
    </row>
    <row r="621" spans="1:5" s="4" customFormat="1" ht="20.100000000000001" customHeight="1" x14ac:dyDescent="0.25">
      <c r="A621" s="58">
        <v>44595</v>
      </c>
      <c r="B621" s="57" t="s">
        <v>416</v>
      </c>
      <c r="C621" s="51"/>
      <c r="D621" s="160"/>
      <c r="E621" s="161"/>
    </row>
    <row r="622" spans="1:5" s="4" customFormat="1" ht="20.100000000000001" customHeight="1" x14ac:dyDescent="0.25">
      <c r="A622" s="58">
        <v>44623</v>
      </c>
      <c r="B622" s="57" t="s">
        <v>417</v>
      </c>
      <c r="C622" s="51"/>
      <c r="D622" s="160"/>
      <c r="E622" s="161"/>
    </row>
    <row r="623" spans="1:5" s="4" customFormat="1" ht="30" customHeight="1" x14ac:dyDescent="0.25">
      <c r="A623" s="81" t="s">
        <v>413</v>
      </c>
      <c r="B623" s="57" t="s">
        <v>810</v>
      </c>
      <c r="C623" s="51"/>
      <c r="D623" s="160"/>
      <c r="E623" s="161"/>
    </row>
    <row r="624" spans="1:5" s="4" customFormat="1" ht="20.100000000000001" customHeight="1" x14ac:dyDescent="0.25">
      <c r="A624" s="58">
        <v>44654</v>
      </c>
      <c r="B624" s="57" t="s">
        <v>418</v>
      </c>
      <c r="C624" s="51"/>
      <c r="D624" s="160"/>
      <c r="E624" s="161"/>
    </row>
    <row r="625" spans="1:6" s="4" customFormat="1" ht="30" customHeight="1" thickBot="1" x14ac:dyDescent="0.3">
      <c r="A625" s="81" t="s">
        <v>414</v>
      </c>
      <c r="B625" s="57" t="s">
        <v>811</v>
      </c>
      <c r="C625" s="51"/>
      <c r="D625" s="158"/>
      <c r="E625" s="159"/>
    </row>
    <row r="626" spans="1:6" s="28" customFormat="1" ht="30.75" customHeight="1" x14ac:dyDescent="0.25">
      <c r="A626" s="121" t="s">
        <v>419</v>
      </c>
      <c r="B626" s="122"/>
      <c r="C626" s="48"/>
      <c r="D626" s="48"/>
      <c r="E626" s="49"/>
    </row>
    <row r="627" spans="1:6" s="4" customFormat="1" ht="20.100000000000001" customHeight="1" thickBot="1" x14ac:dyDescent="0.3">
      <c r="A627" s="58" t="s">
        <v>379</v>
      </c>
      <c r="B627" s="57" t="s">
        <v>420</v>
      </c>
      <c r="C627" s="51"/>
      <c r="D627" s="147"/>
      <c r="E627" s="148"/>
    </row>
    <row r="628" spans="1:6" s="28" customFormat="1" ht="30.75" customHeight="1" x14ac:dyDescent="0.25">
      <c r="A628" s="121" t="s">
        <v>423</v>
      </c>
      <c r="B628" s="122"/>
      <c r="C628" s="48"/>
      <c r="D628" s="48"/>
      <c r="E628" s="49"/>
    </row>
    <row r="629" spans="1:6" s="4" customFormat="1" ht="50.1" customHeight="1" thickBot="1" x14ac:dyDescent="0.3">
      <c r="A629" s="58">
        <v>44566</v>
      </c>
      <c r="B629" s="57" t="s">
        <v>812</v>
      </c>
      <c r="C629" s="85"/>
      <c r="D629" s="156"/>
      <c r="E629" s="157"/>
    </row>
    <row r="630" spans="1:6" s="4" customFormat="1" ht="80.099999999999994" customHeight="1" x14ac:dyDescent="0.25">
      <c r="A630" s="81" t="s">
        <v>421</v>
      </c>
      <c r="B630" s="57" t="s">
        <v>813</v>
      </c>
      <c r="C630" s="51"/>
      <c r="D630" s="160"/>
      <c r="E630" s="161"/>
    </row>
    <row r="631" spans="1:6" s="4" customFormat="1" ht="50.1" customHeight="1" x14ac:dyDescent="0.25">
      <c r="A631" s="58">
        <v>44625</v>
      </c>
      <c r="B631" s="57" t="s">
        <v>424</v>
      </c>
      <c r="C631" s="51"/>
      <c r="D631" s="160"/>
      <c r="E631" s="161"/>
    </row>
    <row r="632" spans="1:6" s="4" customFormat="1" ht="50.1" customHeight="1" thickBot="1" x14ac:dyDescent="0.3">
      <c r="A632" s="83" t="s">
        <v>422</v>
      </c>
      <c r="B632" s="89" t="s">
        <v>814</v>
      </c>
      <c r="C632" s="85"/>
      <c r="D632" s="158"/>
      <c r="E632" s="159"/>
    </row>
    <row r="633" spans="1:6" s="3" customFormat="1" ht="20.100000000000001" customHeight="1" x14ac:dyDescent="0.25">
      <c r="A633" s="5"/>
      <c r="B633" s="5"/>
      <c r="C633" s="7"/>
      <c r="D633" s="7"/>
      <c r="E633" s="29"/>
    </row>
    <row r="634" spans="1:6" s="2" customFormat="1" ht="30" customHeight="1" thickBot="1" x14ac:dyDescent="0.3">
      <c r="A634" s="133" t="s">
        <v>425</v>
      </c>
      <c r="B634" s="134"/>
      <c r="C634" s="134"/>
      <c r="D634" s="134"/>
      <c r="E634" s="134"/>
    </row>
    <row r="635" spans="1:6" s="3" customFormat="1" ht="93" customHeight="1" x14ac:dyDescent="0.25">
      <c r="A635" s="135" t="s">
        <v>0</v>
      </c>
      <c r="B635" s="136"/>
      <c r="C635" s="139" t="s">
        <v>24</v>
      </c>
      <c r="D635" s="140"/>
      <c r="E635" s="141"/>
      <c r="F635" s="26"/>
    </row>
    <row r="636" spans="1:6" s="3" customFormat="1" ht="30" customHeight="1" thickBot="1" x14ac:dyDescent="0.3">
      <c r="A636" s="137"/>
      <c r="B636" s="138"/>
      <c r="C636" s="27" t="s">
        <v>25</v>
      </c>
      <c r="D636" s="142" t="s">
        <v>26</v>
      </c>
      <c r="E636" s="143"/>
    </row>
    <row r="637" spans="1:6" s="3" customFormat="1" ht="50.1" customHeight="1" thickBot="1" x14ac:dyDescent="0.3">
      <c r="A637" s="144" t="s">
        <v>428</v>
      </c>
      <c r="B637" s="145"/>
      <c r="C637" s="145"/>
      <c r="D637" s="145"/>
      <c r="E637" s="146"/>
    </row>
    <row r="638" spans="1:6" s="28" customFormat="1" ht="30.75" customHeight="1" x14ac:dyDescent="0.25">
      <c r="A638" s="121" t="s">
        <v>429</v>
      </c>
      <c r="B638" s="122"/>
      <c r="C638" s="48"/>
      <c r="D638" s="48"/>
      <c r="E638" s="49"/>
    </row>
    <row r="639" spans="1:6" s="4" customFormat="1" ht="120" customHeight="1" thickBot="1" x14ac:dyDescent="0.3">
      <c r="A639" s="56" t="s">
        <v>91</v>
      </c>
      <c r="B639" s="57" t="s">
        <v>815</v>
      </c>
      <c r="C639" s="51"/>
      <c r="D639" s="147"/>
      <c r="E639" s="148"/>
    </row>
    <row r="640" spans="1:6" s="28" customFormat="1" ht="30.75" customHeight="1" x14ac:dyDescent="0.25">
      <c r="A640" s="121" t="s">
        <v>430</v>
      </c>
      <c r="B640" s="122"/>
      <c r="C640" s="48"/>
      <c r="D640" s="48"/>
      <c r="E640" s="49"/>
    </row>
    <row r="641" spans="1:6" s="4" customFormat="1" ht="120" customHeight="1" thickBot="1" x14ac:dyDescent="0.3">
      <c r="A641" s="88" t="s">
        <v>207</v>
      </c>
      <c r="B641" s="89" t="s">
        <v>815</v>
      </c>
      <c r="C641" s="85"/>
      <c r="D641" s="149"/>
      <c r="E641" s="150"/>
    </row>
    <row r="642" spans="1:6" s="3" customFormat="1" ht="20.100000000000001" customHeight="1" x14ac:dyDescent="0.25">
      <c r="A642" s="5"/>
      <c r="B642" s="5"/>
      <c r="C642" s="7"/>
      <c r="D642" s="7"/>
      <c r="E642" s="29"/>
    </row>
    <row r="643" spans="1:6" s="2" customFormat="1" ht="30" customHeight="1" thickBot="1" x14ac:dyDescent="0.3">
      <c r="A643" s="133" t="s">
        <v>431</v>
      </c>
      <c r="B643" s="134"/>
      <c r="C643" s="134"/>
      <c r="D643" s="134"/>
      <c r="E643" s="134"/>
    </row>
    <row r="644" spans="1:6" s="3" customFormat="1" ht="93" customHeight="1" x14ac:dyDescent="0.25">
      <c r="A644" s="135" t="s">
        <v>0</v>
      </c>
      <c r="B644" s="136"/>
      <c r="C644" s="139" t="s">
        <v>24</v>
      </c>
      <c r="D644" s="140"/>
      <c r="E644" s="141"/>
      <c r="F644" s="26"/>
    </row>
    <row r="645" spans="1:6" s="3" customFormat="1" ht="30" customHeight="1" thickBot="1" x14ac:dyDescent="0.3">
      <c r="A645" s="137"/>
      <c r="B645" s="138"/>
      <c r="C645" s="27" t="s">
        <v>25</v>
      </c>
      <c r="D645" s="142" t="s">
        <v>26</v>
      </c>
      <c r="E645" s="143"/>
    </row>
    <row r="646" spans="1:6" s="3" customFormat="1" ht="50.1" customHeight="1" thickBot="1" x14ac:dyDescent="0.3">
      <c r="A646" s="144" t="s">
        <v>432</v>
      </c>
      <c r="B646" s="145"/>
      <c r="C646" s="145"/>
      <c r="D646" s="145"/>
      <c r="E646" s="146"/>
    </row>
    <row r="647" spans="1:6" s="28" customFormat="1" ht="30.75" customHeight="1" x14ac:dyDescent="0.25">
      <c r="A647" s="121" t="s">
        <v>433</v>
      </c>
      <c r="B647" s="122"/>
      <c r="C647" s="48"/>
      <c r="D647" s="48"/>
      <c r="E647" s="49"/>
    </row>
    <row r="648" spans="1:6" s="4" customFormat="1" ht="99.95" customHeight="1" thickBot="1" x14ac:dyDescent="0.3">
      <c r="A648" s="56" t="s">
        <v>91</v>
      </c>
      <c r="B648" s="57" t="s">
        <v>816</v>
      </c>
      <c r="C648" s="51"/>
      <c r="D648" s="147"/>
      <c r="E648" s="148"/>
    </row>
    <row r="649" spans="1:6" s="28" customFormat="1" ht="30.75" customHeight="1" x14ac:dyDescent="0.25">
      <c r="A649" s="121" t="s">
        <v>434</v>
      </c>
      <c r="B649" s="122"/>
      <c r="C649" s="48"/>
      <c r="D649" s="48"/>
      <c r="E649" s="49"/>
    </row>
    <row r="650" spans="1:6" s="4" customFormat="1" ht="99.95" customHeight="1" thickBot="1" x14ac:dyDescent="0.3">
      <c r="A650" s="88" t="s">
        <v>207</v>
      </c>
      <c r="B650" s="89" t="s">
        <v>817</v>
      </c>
      <c r="C650" s="85"/>
      <c r="D650" s="149"/>
      <c r="E650" s="150"/>
    </row>
    <row r="651" spans="1:6" s="3" customFormat="1" ht="20.100000000000001" customHeight="1" x14ac:dyDescent="0.25">
      <c r="A651" s="5"/>
      <c r="B651" s="5"/>
      <c r="C651" s="7"/>
      <c r="D651" s="7"/>
      <c r="E651" s="29"/>
    </row>
    <row r="652" spans="1:6" s="2" customFormat="1" ht="30" customHeight="1" thickBot="1" x14ac:dyDescent="0.3">
      <c r="A652" s="133" t="s">
        <v>438</v>
      </c>
      <c r="B652" s="134"/>
      <c r="C652" s="134"/>
      <c r="D652" s="134"/>
      <c r="E652" s="134"/>
    </row>
    <row r="653" spans="1:6" s="3" customFormat="1" ht="93" customHeight="1" x14ac:dyDescent="0.25">
      <c r="A653" s="135" t="s">
        <v>0</v>
      </c>
      <c r="B653" s="136"/>
      <c r="C653" s="139" t="s">
        <v>24</v>
      </c>
      <c r="D653" s="140"/>
      <c r="E653" s="141"/>
      <c r="F653" s="26"/>
    </row>
    <row r="654" spans="1:6" s="3" customFormat="1" ht="30" customHeight="1" thickBot="1" x14ac:dyDescent="0.3">
      <c r="A654" s="137"/>
      <c r="B654" s="138"/>
      <c r="C654" s="27" t="s">
        <v>25</v>
      </c>
      <c r="D654" s="142" t="s">
        <v>26</v>
      </c>
      <c r="E654" s="143"/>
    </row>
    <row r="655" spans="1:6" s="3" customFormat="1" ht="60" customHeight="1" thickBot="1" x14ac:dyDescent="0.3">
      <c r="A655" s="144" t="s">
        <v>940</v>
      </c>
      <c r="B655" s="145"/>
      <c r="C655" s="145"/>
      <c r="D655" s="145"/>
      <c r="E655" s="146"/>
    </row>
    <row r="656" spans="1:6" s="28" customFormat="1" ht="30.75" customHeight="1" x14ac:dyDescent="0.25">
      <c r="A656" s="121" t="s">
        <v>818</v>
      </c>
      <c r="B656" s="122"/>
      <c r="C656" s="122"/>
      <c r="D656" s="122"/>
      <c r="E656" s="123"/>
    </row>
    <row r="657" spans="1:6" s="4" customFormat="1" ht="110.1" customHeight="1" thickBot="1" x14ac:dyDescent="0.3">
      <c r="A657" s="56" t="s">
        <v>91</v>
      </c>
      <c r="B657" s="57" t="s">
        <v>819</v>
      </c>
      <c r="C657" s="51"/>
      <c r="D657" s="147"/>
      <c r="E657" s="148"/>
    </row>
    <row r="658" spans="1:6" s="28" customFormat="1" ht="30.75" customHeight="1" x14ac:dyDescent="0.25">
      <c r="A658" s="121" t="s">
        <v>441</v>
      </c>
      <c r="B658" s="122"/>
      <c r="C658" s="48"/>
      <c r="D658" s="48"/>
      <c r="E658" s="49"/>
    </row>
    <row r="659" spans="1:6" s="4" customFormat="1" ht="50.1" customHeight="1" thickBot="1" x14ac:dyDescent="0.3">
      <c r="A659" s="88" t="s">
        <v>207</v>
      </c>
      <c r="B659" s="89" t="s">
        <v>442</v>
      </c>
      <c r="C659" s="85"/>
      <c r="D659" s="149"/>
      <c r="E659" s="150"/>
    </row>
    <row r="660" spans="1:6" s="3" customFormat="1" ht="20.100000000000001" customHeight="1" x14ac:dyDescent="0.25">
      <c r="A660" s="5"/>
      <c r="B660" s="5"/>
      <c r="C660" s="7"/>
      <c r="D660" s="7"/>
      <c r="E660" s="29"/>
    </row>
    <row r="661" spans="1:6" s="2" customFormat="1" ht="30" customHeight="1" thickBot="1" x14ac:dyDescent="0.3">
      <c r="A661" s="133" t="s">
        <v>443</v>
      </c>
      <c r="B661" s="134"/>
      <c r="C661" s="134"/>
      <c r="D661" s="134"/>
      <c r="E661" s="134"/>
    </row>
    <row r="662" spans="1:6" s="3" customFormat="1" ht="93" customHeight="1" x14ac:dyDescent="0.25">
      <c r="A662" s="135" t="s">
        <v>0</v>
      </c>
      <c r="B662" s="136"/>
      <c r="C662" s="139" t="s">
        <v>24</v>
      </c>
      <c r="D662" s="140"/>
      <c r="E662" s="141"/>
      <c r="F662" s="26"/>
    </row>
    <row r="663" spans="1:6" s="3" customFormat="1" ht="30" customHeight="1" thickBot="1" x14ac:dyDescent="0.3">
      <c r="A663" s="137"/>
      <c r="B663" s="138"/>
      <c r="C663" s="27" t="s">
        <v>25</v>
      </c>
      <c r="D663" s="142" t="s">
        <v>26</v>
      </c>
      <c r="E663" s="143"/>
    </row>
    <row r="664" spans="1:6" s="3" customFormat="1" ht="60" customHeight="1" thickBot="1" x14ac:dyDescent="0.3">
      <c r="A664" s="144" t="s">
        <v>444</v>
      </c>
      <c r="B664" s="145"/>
      <c r="C664" s="145"/>
      <c r="D664" s="145"/>
      <c r="E664" s="146"/>
    </row>
    <row r="665" spans="1:6" s="28" customFormat="1" ht="30.75" customHeight="1" x14ac:dyDescent="0.25">
      <c r="A665" s="121" t="s">
        <v>445</v>
      </c>
      <c r="B665" s="122"/>
      <c r="C665" s="48"/>
      <c r="D665" s="48"/>
      <c r="E665" s="49"/>
    </row>
    <row r="666" spans="1:6" s="4" customFormat="1" ht="39.950000000000003" customHeight="1" x14ac:dyDescent="0.25">
      <c r="A666" s="56" t="s">
        <v>91</v>
      </c>
      <c r="B666" s="57" t="s">
        <v>446</v>
      </c>
      <c r="C666" s="51"/>
      <c r="D666" s="147"/>
      <c r="E666" s="148"/>
    </row>
    <row r="667" spans="1:6" s="4" customFormat="1" ht="80.099999999999994" customHeight="1" thickBot="1" x14ac:dyDescent="0.3">
      <c r="A667" s="58">
        <v>44593</v>
      </c>
      <c r="B667" s="57" t="s">
        <v>817</v>
      </c>
      <c r="C667" s="51"/>
      <c r="D667" s="147"/>
      <c r="E667" s="148"/>
    </row>
    <row r="668" spans="1:6" s="28" customFormat="1" ht="30.75" customHeight="1" x14ac:dyDescent="0.25">
      <c r="A668" s="121" t="s">
        <v>447</v>
      </c>
      <c r="B668" s="122"/>
      <c r="C668" s="48"/>
      <c r="D668" s="48"/>
      <c r="E668" s="49"/>
    </row>
    <row r="669" spans="1:6" s="4" customFormat="1" ht="50.1" customHeight="1" thickBot="1" x14ac:dyDescent="0.3">
      <c r="A669" s="88" t="s">
        <v>207</v>
      </c>
      <c r="B669" s="89" t="s">
        <v>448</v>
      </c>
      <c r="C669" s="85"/>
      <c r="D669" s="149"/>
      <c r="E669" s="150"/>
    </row>
    <row r="670" spans="1:6" s="3" customFormat="1" ht="20.100000000000001" customHeight="1" x14ac:dyDescent="0.25">
      <c r="A670" s="5"/>
      <c r="B670" s="5"/>
      <c r="C670" s="7"/>
      <c r="D670" s="7"/>
      <c r="E670" s="29"/>
    </row>
    <row r="671" spans="1:6" s="2" customFormat="1" ht="30" customHeight="1" thickBot="1" x14ac:dyDescent="0.3">
      <c r="A671" s="133" t="s">
        <v>453</v>
      </c>
      <c r="B671" s="134"/>
      <c r="C671" s="134"/>
      <c r="D671" s="134"/>
      <c r="E671" s="134"/>
    </row>
    <row r="672" spans="1:6" s="3" customFormat="1" ht="93" customHeight="1" x14ac:dyDescent="0.25">
      <c r="A672" s="135" t="s">
        <v>0</v>
      </c>
      <c r="B672" s="136"/>
      <c r="C672" s="139" t="s">
        <v>24</v>
      </c>
      <c r="D672" s="140"/>
      <c r="E672" s="141"/>
      <c r="F672" s="26"/>
    </row>
    <row r="673" spans="1:6" s="3" customFormat="1" ht="30" customHeight="1" thickBot="1" x14ac:dyDescent="0.3">
      <c r="A673" s="137"/>
      <c r="B673" s="138"/>
      <c r="C673" s="27" t="s">
        <v>25</v>
      </c>
      <c r="D673" s="142" t="s">
        <v>26</v>
      </c>
      <c r="E673" s="143"/>
    </row>
    <row r="674" spans="1:6" s="3" customFormat="1" ht="69.95" customHeight="1" thickBot="1" x14ac:dyDescent="0.3">
      <c r="A674" s="144" t="s">
        <v>821</v>
      </c>
      <c r="B674" s="145"/>
      <c r="C674" s="145"/>
      <c r="D674" s="145"/>
      <c r="E674" s="146"/>
    </row>
    <row r="675" spans="1:6" s="28" customFormat="1" ht="30.75" customHeight="1" x14ac:dyDescent="0.25">
      <c r="A675" s="121" t="s">
        <v>457</v>
      </c>
      <c r="B675" s="122"/>
      <c r="C675" s="48"/>
      <c r="D675" s="48"/>
      <c r="E675" s="49"/>
    </row>
    <row r="676" spans="1:6" s="4" customFormat="1" ht="120" customHeight="1" thickBot="1" x14ac:dyDescent="0.3">
      <c r="A676" s="56" t="s">
        <v>91</v>
      </c>
      <c r="B676" s="57" t="s">
        <v>820</v>
      </c>
      <c r="C676" s="51"/>
      <c r="D676" s="147"/>
      <c r="E676" s="148"/>
    </row>
    <row r="677" spans="1:6" s="28" customFormat="1" ht="30.75" customHeight="1" x14ac:dyDescent="0.25">
      <c r="A677" s="121" t="s">
        <v>941</v>
      </c>
      <c r="B677" s="122"/>
      <c r="C677" s="48"/>
      <c r="D677" s="48"/>
      <c r="E677" s="49"/>
    </row>
    <row r="678" spans="1:6" s="4" customFormat="1" ht="110.1" customHeight="1" thickBot="1" x14ac:dyDescent="0.3">
      <c r="A678" s="58" t="s">
        <v>207</v>
      </c>
      <c r="B678" s="57" t="s">
        <v>822</v>
      </c>
      <c r="C678" s="51"/>
      <c r="D678" s="147"/>
      <c r="E678" s="148"/>
    </row>
    <row r="679" spans="1:6" s="28" customFormat="1" ht="30.75" customHeight="1" x14ac:dyDescent="0.25">
      <c r="A679" s="121" t="s">
        <v>942</v>
      </c>
      <c r="B679" s="122"/>
      <c r="C679" s="48"/>
      <c r="D679" s="48"/>
      <c r="E679" s="49"/>
    </row>
    <row r="680" spans="1:6" s="4" customFormat="1" ht="60" customHeight="1" thickBot="1" x14ac:dyDescent="0.3">
      <c r="A680" s="88">
        <v>44564</v>
      </c>
      <c r="B680" s="89" t="s">
        <v>458</v>
      </c>
      <c r="C680" s="85"/>
      <c r="D680" s="149"/>
      <c r="E680" s="150"/>
    </row>
    <row r="681" spans="1:6" s="3" customFormat="1" ht="20.100000000000001" customHeight="1" x14ac:dyDescent="0.25">
      <c r="A681" s="5"/>
      <c r="B681" s="5"/>
      <c r="C681" s="7"/>
      <c r="D681" s="7"/>
      <c r="E681" s="29"/>
    </row>
    <row r="682" spans="1:6" s="2" customFormat="1" ht="30" customHeight="1" thickBot="1" x14ac:dyDescent="0.3">
      <c r="A682" s="133" t="s">
        <v>459</v>
      </c>
      <c r="B682" s="134"/>
      <c r="C682" s="134"/>
      <c r="D682" s="134"/>
      <c r="E682" s="134"/>
    </row>
    <row r="683" spans="1:6" s="3" customFormat="1" ht="93" customHeight="1" x14ac:dyDescent="0.25">
      <c r="A683" s="135" t="s">
        <v>0</v>
      </c>
      <c r="B683" s="136"/>
      <c r="C683" s="139" t="s">
        <v>24</v>
      </c>
      <c r="D683" s="140"/>
      <c r="E683" s="141"/>
      <c r="F683" s="26"/>
    </row>
    <row r="684" spans="1:6" s="3" customFormat="1" ht="30" customHeight="1" thickBot="1" x14ac:dyDescent="0.3">
      <c r="A684" s="137"/>
      <c r="B684" s="138"/>
      <c r="C684" s="27" t="s">
        <v>25</v>
      </c>
      <c r="D684" s="142" t="s">
        <v>26</v>
      </c>
      <c r="E684" s="143"/>
    </row>
    <row r="685" spans="1:6" s="3" customFormat="1" ht="50.1" customHeight="1" thickBot="1" x14ac:dyDescent="0.3">
      <c r="A685" s="144" t="s">
        <v>460</v>
      </c>
      <c r="B685" s="145"/>
      <c r="C685" s="145"/>
      <c r="D685" s="145"/>
      <c r="E685" s="146"/>
    </row>
    <row r="686" spans="1:6" s="28" customFormat="1" ht="30.75" customHeight="1" x14ac:dyDescent="0.25">
      <c r="A686" s="121" t="s">
        <v>461</v>
      </c>
      <c r="B686" s="122"/>
      <c r="C686" s="48"/>
      <c r="D686" s="48"/>
      <c r="E686" s="49"/>
    </row>
    <row r="687" spans="1:6" s="4" customFormat="1" ht="54.95" customHeight="1" x14ac:dyDescent="0.25">
      <c r="A687" s="56" t="s">
        <v>91</v>
      </c>
      <c r="B687" s="57" t="s">
        <v>823</v>
      </c>
      <c r="C687" s="51"/>
      <c r="D687" s="156"/>
      <c r="E687" s="157"/>
    </row>
    <row r="688" spans="1:6" s="4" customFormat="1" ht="50.1" customHeight="1" x14ac:dyDescent="0.25">
      <c r="A688" s="58">
        <v>44593</v>
      </c>
      <c r="B688" s="57" t="s">
        <v>462</v>
      </c>
      <c r="C688" s="51"/>
      <c r="D688" s="160"/>
      <c r="E688" s="161"/>
    </row>
    <row r="689" spans="1:6" s="4" customFormat="1" ht="39.950000000000003" customHeight="1" thickBot="1" x14ac:dyDescent="0.3">
      <c r="A689" s="88">
        <v>44621</v>
      </c>
      <c r="B689" s="89" t="s">
        <v>463</v>
      </c>
      <c r="C689" s="85"/>
      <c r="D689" s="158"/>
      <c r="E689" s="159"/>
    </row>
    <row r="690" spans="1:6" s="3" customFormat="1" ht="20.100000000000001" customHeight="1" x14ac:dyDescent="0.25">
      <c r="A690" s="5"/>
      <c r="B690" s="5"/>
      <c r="C690" s="7"/>
      <c r="D690" s="7"/>
      <c r="E690" s="29"/>
    </row>
    <row r="691" spans="1:6" s="2" customFormat="1" ht="30" customHeight="1" thickBot="1" x14ac:dyDescent="0.3">
      <c r="A691" s="133" t="s">
        <v>465</v>
      </c>
      <c r="B691" s="134"/>
      <c r="C691" s="134"/>
      <c r="D691" s="134"/>
      <c r="E691" s="134"/>
    </row>
    <row r="692" spans="1:6" s="3" customFormat="1" ht="93" customHeight="1" x14ac:dyDescent="0.25">
      <c r="A692" s="135" t="s">
        <v>0</v>
      </c>
      <c r="B692" s="136"/>
      <c r="C692" s="139" t="s">
        <v>24</v>
      </c>
      <c r="D692" s="140"/>
      <c r="E692" s="141"/>
      <c r="F692" s="26"/>
    </row>
    <row r="693" spans="1:6" s="3" customFormat="1" ht="30" customHeight="1" thickBot="1" x14ac:dyDescent="0.3">
      <c r="A693" s="137"/>
      <c r="B693" s="138"/>
      <c r="C693" s="27" t="s">
        <v>25</v>
      </c>
      <c r="D693" s="142" t="s">
        <v>26</v>
      </c>
      <c r="E693" s="143"/>
    </row>
    <row r="694" spans="1:6" s="3" customFormat="1" ht="69.95" customHeight="1" thickBot="1" x14ac:dyDescent="0.3">
      <c r="A694" s="144" t="s">
        <v>824</v>
      </c>
      <c r="B694" s="145"/>
      <c r="C694" s="145"/>
      <c r="D694" s="145"/>
      <c r="E694" s="146"/>
    </row>
    <row r="695" spans="1:6" s="28" customFormat="1" ht="30.75" customHeight="1" x14ac:dyDescent="0.25">
      <c r="A695" s="121" t="s">
        <v>467</v>
      </c>
      <c r="B695" s="122"/>
      <c r="C695" s="48"/>
      <c r="D695" s="48"/>
      <c r="E695" s="49"/>
    </row>
    <row r="696" spans="1:6" s="4" customFormat="1" ht="210" customHeight="1" thickBot="1" x14ac:dyDescent="0.3">
      <c r="A696" s="90" t="s">
        <v>91</v>
      </c>
      <c r="B696" s="87" t="s">
        <v>825</v>
      </c>
      <c r="C696" s="85"/>
      <c r="D696" s="149"/>
      <c r="E696" s="150"/>
    </row>
    <row r="697" spans="1:6" s="3" customFormat="1" ht="20.100000000000001" customHeight="1" x14ac:dyDescent="0.25">
      <c r="A697" s="5"/>
      <c r="B697" s="5"/>
      <c r="C697" s="7"/>
      <c r="D697" s="7"/>
      <c r="E697" s="29"/>
    </row>
    <row r="698" spans="1:6" s="2" customFormat="1" ht="30" customHeight="1" thickBot="1" x14ac:dyDescent="0.3">
      <c r="A698" s="133" t="s">
        <v>468</v>
      </c>
      <c r="B698" s="134"/>
      <c r="C698" s="134"/>
      <c r="D698" s="134"/>
      <c r="E698" s="134"/>
    </row>
    <row r="699" spans="1:6" s="3" customFormat="1" ht="93" customHeight="1" x14ac:dyDescent="0.25">
      <c r="A699" s="135" t="s">
        <v>0</v>
      </c>
      <c r="B699" s="136"/>
      <c r="C699" s="139" t="s">
        <v>24</v>
      </c>
      <c r="D699" s="140"/>
      <c r="E699" s="141"/>
      <c r="F699" s="26"/>
    </row>
    <row r="700" spans="1:6" s="3" customFormat="1" ht="30" customHeight="1" thickBot="1" x14ac:dyDescent="0.3">
      <c r="A700" s="137"/>
      <c r="B700" s="138"/>
      <c r="C700" s="27" t="s">
        <v>25</v>
      </c>
      <c r="D700" s="142" t="s">
        <v>26</v>
      </c>
      <c r="E700" s="143"/>
    </row>
    <row r="701" spans="1:6" s="3" customFormat="1" ht="50.1" customHeight="1" thickBot="1" x14ac:dyDescent="0.3">
      <c r="A701" s="144" t="s">
        <v>469</v>
      </c>
      <c r="B701" s="145"/>
      <c r="C701" s="145"/>
      <c r="D701" s="145"/>
      <c r="E701" s="146"/>
    </row>
    <row r="702" spans="1:6" s="28" customFormat="1" ht="30.75" customHeight="1" x14ac:dyDescent="0.25">
      <c r="A702" s="121" t="s">
        <v>472</v>
      </c>
      <c r="B702" s="122"/>
      <c r="C702" s="48"/>
      <c r="D702" s="48"/>
      <c r="E702" s="49"/>
    </row>
    <row r="703" spans="1:6" s="4" customFormat="1" ht="80.099999999999994" customHeight="1" x14ac:dyDescent="0.25">
      <c r="A703" s="117" t="s">
        <v>91</v>
      </c>
      <c r="B703" s="57" t="s">
        <v>470</v>
      </c>
      <c r="C703" s="51"/>
      <c r="D703" s="156"/>
      <c r="E703" s="157"/>
    </row>
    <row r="704" spans="1:6" s="4" customFormat="1" ht="99.95" customHeight="1" thickBot="1" x14ac:dyDescent="0.3">
      <c r="A704" s="118">
        <v>44593</v>
      </c>
      <c r="B704" s="89" t="s">
        <v>826</v>
      </c>
      <c r="C704" s="85"/>
      <c r="D704" s="158"/>
      <c r="E704" s="159"/>
    </row>
    <row r="705" spans="1:6" s="3" customFormat="1" ht="20.100000000000001" customHeight="1" x14ac:dyDescent="0.25">
      <c r="A705" s="5"/>
      <c r="B705" s="5"/>
      <c r="C705" s="7"/>
      <c r="D705" s="7"/>
      <c r="E705" s="29"/>
    </row>
    <row r="706" spans="1:6" s="2" customFormat="1" ht="30" customHeight="1" thickBot="1" x14ac:dyDescent="0.3">
      <c r="A706" s="133" t="s">
        <v>473</v>
      </c>
      <c r="B706" s="134"/>
      <c r="C706" s="134"/>
      <c r="D706" s="134"/>
      <c r="E706" s="134"/>
    </row>
    <row r="707" spans="1:6" s="3" customFormat="1" ht="93" customHeight="1" x14ac:dyDescent="0.25">
      <c r="A707" s="135" t="s">
        <v>0</v>
      </c>
      <c r="B707" s="136"/>
      <c r="C707" s="139" t="s">
        <v>24</v>
      </c>
      <c r="D707" s="140"/>
      <c r="E707" s="141"/>
      <c r="F707" s="26"/>
    </row>
    <row r="708" spans="1:6" s="3" customFormat="1" ht="30" customHeight="1" thickBot="1" x14ac:dyDescent="0.3">
      <c r="A708" s="137"/>
      <c r="B708" s="138"/>
      <c r="C708" s="27" t="s">
        <v>25</v>
      </c>
      <c r="D708" s="142" t="s">
        <v>26</v>
      </c>
      <c r="E708" s="143"/>
    </row>
    <row r="709" spans="1:6" s="3" customFormat="1" ht="30" customHeight="1" thickBot="1" x14ac:dyDescent="0.3">
      <c r="A709" s="144" t="s">
        <v>474</v>
      </c>
      <c r="B709" s="145"/>
      <c r="C709" s="145"/>
      <c r="D709" s="145"/>
      <c r="E709" s="146"/>
    </row>
    <row r="710" spans="1:6" s="28" customFormat="1" ht="30.75" customHeight="1" x14ac:dyDescent="0.25">
      <c r="A710" s="121" t="s">
        <v>475</v>
      </c>
      <c r="B710" s="122"/>
      <c r="C710" s="48"/>
      <c r="D710" s="48"/>
      <c r="E710" s="49"/>
    </row>
    <row r="711" spans="1:6" s="4" customFormat="1" ht="90" customHeight="1" thickBot="1" x14ac:dyDescent="0.3">
      <c r="A711" s="90" t="s">
        <v>91</v>
      </c>
      <c r="B711" s="98" t="s">
        <v>827</v>
      </c>
      <c r="C711" s="85"/>
      <c r="D711" s="149"/>
      <c r="E711" s="150"/>
    </row>
    <row r="712" spans="1:6" s="3" customFormat="1" ht="20.100000000000001" customHeight="1" x14ac:dyDescent="0.25">
      <c r="A712" s="5"/>
      <c r="B712" s="5"/>
      <c r="C712" s="7"/>
      <c r="D712" s="7"/>
      <c r="E712" s="29"/>
    </row>
    <row r="713" spans="1:6" s="2" customFormat="1" ht="30" customHeight="1" thickBot="1" x14ac:dyDescent="0.3">
      <c r="A713" s="133" t="s">
        <v>491</v>
      </c>
      <c r="B713" s="134"/>
      <c r="C713" s="134"/>
      <c r="D713" s="134"/>
      <c r="E713" s="134"/>
    </row>
    <row r="714" spans="1:6" s="3" customFormat="1" ht="93" customHeight="1" x14ac:dyDescent="0.25">
      <c r="A714" s="135" t="s">
        <v>0</v>
      </c>
      <c r="B714" s="136"/>
      <c r="C714" s="139" t="s">
        <v>24</v>
      </c>
      <c r="D714" s="140"/>
      <c r="E714" s="141"/>
      <c r="F714" s="26"/>
    </row>
    <row r="715" spans="1:6" s="3" customFormat="1" ht="30" customHeight="1" thickBot="1" x14ac:dyDescent="0.3">
      <c r="A715" s="137"/>
      <c r="B715" s="138"/>
      <c r="C715" s="27" t="s">
        <v>25</v>
      </c>
      <c r="D715" s="142" t="s">
        <v>26</v>
      </c>
      <c r="E715" s="143"/>
    </row>
    <row r="716" spans="1:6" s="3" customFormat="1" ht="60" customHeight="1" thickBot="1" x14ac:dyDescent="0.3">
      <c r="A716" s="144" t="s">
        <v>492</v>
      </c>
      <c r="B716" s="145"/>
      <c r="C716" s="145"/>
      <c r="D716" s="145"/>
      <c r="E716" s="146"/>
    </row>
    <row r="717" spans="1:6" s="28" customFormat="1" ht="30.75" customHeight="1" x14ac:dyDescent="0.25">
      <c r="A717" s="121" t="s">
        <v>493</v>
      </c>
      <c r="B717" s="122"/>
      <c r="C717" s="48"/>
      <c r="D717" s="48"/>
      <c r="E717" s="49"/>
    </row>
    <row r="718" spans="1:6" s="4" customFormat="1" ht="129.94999999999999" customHeight="1" thickBot="1" x14ac:dyDescent="0.3">
      <c r="A718" s="56" t="s">
        <v>91</v>
      </c>
      <c r="B718" s="57" t="s">
        <v>828</v>
      </c>
      <c r="C718" s="51"/>
      <c r="D718" s="147"/>
      <c r="E718" s="148"/>
    </row>
    <row r="719" spans="1:6" s="28" customFormat="1" ht="30.75" customHeight="1" x14ac:dyDescent="0.25">
      <c r="A719" s="121" t="s">
        <v>494</v>
      </c>
      <c r="B719" s="122"/>
      <c r="C719" s="48"/>
      <c r="D719" s="48"/>
      <c r="E719" s="49"/>
    </row>
    <row r="720" spans="1:6" s="4" customFormat="1" ht="69.95" customHeight="1" thickBot="1" x14ac:dyDescent="0.3">
      <c r="A720" s="58">
        <v>44563</v>
      </c>
      <c r="B720" s="57" t="s">
        <v>829</v>
      </c>
      <c r="C720" s="51"/>
      <c r="D720" s="147"/>
      <c r="E720" s="148"/>
    </row>
    <row r="721" spans="1:5" s="28" customFormat="1" ht="30.75" customHeight="1" x14ac:dyDescent="0.25">
      <c r="A721" s="121" t="s">
        <v>495</v>
      </c>
      <c r="B721" s="122"/>
      <c r="C721" s="48"/>
      <c r="D721" s="48"/>
      <c r="E721" s="49"/>
    </row>
    <row r="722" spans="1:5" s="4" customFormat="1" ht="69.95" customHeight="1" thickBot="1" x14ac:dyDescent="0.3">
      <c r="A722" s="58">
        <v>44564</v>
      </c>
      <c r="B722" s="57" t="s">
        <v>830</v>
      </c>
      <c r="C722" s="51"/>
      <c r="D722" s="147"/>
      <c r="E722" s="148"/>
    </row>
    <row r="723" spans="1:5" s="28" customFormat="1" ht="30.75" customHeight="1" x14ac:dyDescent="0.25">
      <c r="A723" s="121" t="s">
        <v>496</v>
      </c>
      <c r="B723" s="122"/>
      <c r="C723" s="48"/>
      <c r="D723" s="48"/>
      <c r="E723" s="49"/>
    </row>
    <row r="724" spans="1:5" s="4" customFormat="1" ht="69.95" customHeight="1" thickBot="1" x14ac:dyDescent="0.3">
      <c r="A724" s="58">
        <v>44565</v>
      </c>
      <c r="B724" s="57" t="s">
        <v>831</v>
      </c>
      <c r="C724" s="51"/>
      <c r="D724" s="147"/>
      <c r="E724" s="148"/>
    </row>
    <row r="725" spans="1:5" s="28" customFormat="1" ht="30.75" customHeight="1" x14ac:dyDescent="0.25">
      <c r="A725" s="121" t="s">
        <v>497</v>
      </c>
      <c r="B725" s="122"/>
      <c r="C725" s="48"/>
      <c r="D725" s="48"/>
      <c r="E725" s="49"/>
    </row>
    <row r="726" spans="1:5" s="4" customFormat="1" ht="60" customHeight="1" thickBot="1" x14ac:dyDescent="0.3">
      <c r="A726" s="58">
        <v>44566</v>
      </c>
      <c r="B726" s="57" t="s">
        <v>832</v>
      </c>
      <c r="C726" s="51"/>
      <c r="D726" s="147"/>
      <c r="E726" s="148"/>
    </row>
    <row r="727" spans="1:5" s="28" customFormat="1" ht="30.75" customHeight="1" x14ac:dyDescent="0.25">
      <c r="A727" s="121" t="s">
        <v>498</v>
      </c>
      <c r="B727" s="122"/>
      <c r="C727" s="48"/>
      <c r="D727" s="48"/>
      <c r="E727" s="49"/>
    </row>
    <row r="728" spans="1:5" s="4" customFormat="1" ht="69.95" customHeight="1" thickBot="1" x14ac:dyDescent="0.3">
      <c r="A728" s="86">
        <v>44567</v>
      </c>
      <c r="B728" s="87" t="s">
        <v>833</v>
      </c>
      <c r="C728" s="85"/>
      <c r="D728" s="149"/>
      <c r="E728" s="150"/>
    </row>
    <row r="729" spans="1:5" s="28" customFormat="1" ht="30.75" customHeight="1" x14ac:dyDescent="0.25">
      <c r="A729" s="121" t="s">
        <v>499</v>
      </c>
      <c r="B729" s="122"/>
      <c r="C729" s="48"/>
      <c r="D729" s="48"/>
      <c r="E729" s="49"/>
    </row>
    <row r="730" spans="1:5" s="4" customFormat="1" ht="69.95" customHeight="1" thickBot="1" x14ac:dyDescent="0.3">
      <c r="A730" s="58">
        <v>44568</v>
      </c>
      <c r="B730" s="57" t="s">
        <v>834</v>
      </c>
      <c r="C730" s="51"/>
      <c r="D730" s="147"/>
      <c r="E730" s="148"/>
    </row>
    <row r="731" spans="1:5" s="28" customFormat="1" ht="30.75" customHeight="1" x14ac:dyDescent="0.25">
      <c r="A731" s="121" t="s">
        <v>500</v>
      </c>
      <c r="B731" s="122"/>
      <c r="C731" s="48"/>
      <c r="D731" s="48"/>
      <c r="E731" s="49"/>
    </row>
    <row r="732" spans="1:5" s="4" customFormat="1" ht="120" customHeight="1" thickBot="1" x14ac:dyDescent="0.3">
      <c r="A732" s="58">
        <v>44569</v>
      </c>
      <c r="B732" s="57" t="s">
        <v>835</v>
      </c>
      <c r="C732" s="51"/>
      <c r="D732" s="147"/>
      <c r="E732" s="148"/>
    </row>
    <row r="733" spans="1:5" s="28" customFormat="1" ht="30.75" customHeight="1" x14ac:dyDescent="0.25">
      <c r="A733" s="121" t="s">
        <v>501</v>
      </c>
      <c r="B733" s="122"/>
      <c r="C733" s="48"/>
      <c r="D733" s="48"/>
      <c r="E733" s="49"/>
    </row>
    <row r="734" spans="1:5" s="4" customFormat="1" ht="50.1" customHeight="1" thickBot="1" x14ac:dyDescent="0.3">
      <c r="A734" s="58">
        <v>44570</v>
      </c>
      <c r="B734" s="57" t="s">
        <v>502</v>
      </c>
      <c r="C734" s="51"/>
      <c r="D734" s="147"/>
      <c r="E734" s="148"/>
    </row>
    <row r="735" spans="1:5" s="28" customFormat="1" ht="30.75" customHeight="1" x14ac:dyDescent="0.25">
      <c r="A735" s="121" t="s">
        <v>503</v>
      </c>
      <c r="B735" s="122"/>
      <c r="C735" s="48"/>
      <c r="D735" s="48"/>
      <c r="E735" s="49"/>
    </row>
    <row r="736" spans="1:5" s="4" customFormat="1" ht="80.099999999999994" customHeight="1" thickBot="1" x14ac:dyDescent="0.3">
      <c r="A736" s="86">
        <v>44571</v>
      </c>
      <c r="B736" s="87" t="s">
        <v>836</v>
      </c>
      <c r="C736" s="85"/>
      <c r="D736" s="149"/>
      <c r="E736" s="150"/>
    </row>
    <row r="737" spans="1:6" s="3" customFormat="1" ht="20.100000000000001" customHeight="1" x14ac:dyDescent="0.25">
      <c r="A737" s="5"/>
      <c r="B737" s="5"/>
      <c r="C737" s="7"/>
      <c r="D737" s="7"/>
      <c r="E737" s="29"/>
    </row>
    <row r="738" spans="1:6" s="2" customFormat="1" ht="30" customHeight="1" thickBot="1" x14ac:dyDescent="0.3">
      <c r="A738" s="133" t="s">
        <v>504</v>
      </c>
      <c r="B738" s="134"/>
      <c r="C738" s="134"/>
      <c r="D738" s="134"/>
      <c r="E738" s="134"/>
    </row>
    <row r="739" spans="1:6" s="3" customFormat="1" ht="93" customHeight="1" x14ac:dyDescent="0.25">
      <c r="A739" s="135" t="s">
        <v>0</v>
      </c>
      <c r="B739" s="136"/>
      <c r="C739" s="139" t="s">
        <v>24</v>
      </c>
      <c r="D739" s="140"/>
      <c r="E739" s="141"/>
      <c r="F739" s="26"/>
    </row>
    <row r="740" spans="1:6" s="3" customFormat="1" ht="30" customHeight="1" thickBot="1" x14ac:dyDescent="0.3">
      <c r="A740" s="137"/>
      <c r="B740" s="138"/>
      <c r="C740" s="27" t="s">
        <v>25</v>
      </c>
      <c r="D740" s="142" t="s">
        <v>26</v>
      </c>
      <c r="E740" s="143"/>
    </row>
    <row r="741" spans="1:6" s="3" customFormat="1" ht="80.099999999999994" customHeight="1" thickBot="1" x14ac:dyDescent="0.3">
      <c r="A741" s="144" t="s">
        <v>837</v>
      </c>
      <c r="B741" s="145"/>
      <c r="C741" s="145"/>
      <c r="D741" s="145"/>
      <c r="E741" s="146"/>
    </row>
    <row r="742" spans="1:6" s="28" customFormat="1" ht="30.75" customHeight="1" x14ac:dyDescent="0.25">
      <c r="A742" s="121" t="s">
        <v>505</v>
      </c>
      <c r="B742" s="122"/>
      <c r="C742" s="122"/>
      <c r="D742" s="122"/>
      <c r="E742" s="123"/>
    </row>
    <row r="743" spans="1:6" s="4" customFormat="1" ht="150" customHeight="1" thickBot="1" x14ac:dyDescent="0.3">
      <c r="A743" s="56" t="s">
        <v>91</v>
      </c>
      <c r="B743" s="57" t="s">
        <v>838</v>
      </c>
      <c r="C743" s="51"/>
      <c r="D743" s="147"/>
      <c r="E743" s="148"/>
    </row>
    <row r="744" spans="1:6" s="28" customFormat="1" ht="30.75" customHeight="1" x14ac:dyDescent="0.25">
      <c r="A744" s="121" t="s">
        <v>506</v>
      </c>
      <c r="B744" s="122"/>
      <c r="C744" s="122"/>
      <c r="D744" s="122"/>
      <c r="E744" s="123"/>
    </row>
    <row r="745" spans="1:6" s="4" customFormat="1" ht="135" customHeight="1" thickBot="1" x14ac:dyDescent="0.3">
      <c r="A745" s="58">
        <v>44563</v>
      </c>
      <c r="B745" s="57" t="s">
        <v>839</v>
      </c>
      <c r="C745" s="51"/>
      <c r="D745" s="147"/>
      <c r="E745" s="148"/>
    </row>
    <row r="746" spans="1:6" s="28" customFormat="1" ht="30.75" customHeight="1" x14ac:dyDescent="0.25">
      <c r="A746" s="121" t="s">
        <v>507</v>
      </c>
      <c r="B746" s="122"/>
      <c r="C746" s="122"/>
      <c r="D746" s="122"/>
      <c r="E746" s="123"/>
    </row>
    <row r="747" spans="1:6" s="4" customFormat="1" ht="215.1" customHeight="1" thickBot="1" x14ac:dyDescent="0.3">
      <c r="A747" s="58">
        <v>44564</v>
      </c>
      <c r="B747" s="57" t="s">
        <v>840</v>
      </c>
      <c r="C747" s="51"/>
      <c r="D747" s="147"/>
      <c r="E747" s="148"/>
    </row>
    <row r="748" spans="1:6" s="28" customFormat="1" ht="30.75" customHeight="1" x14ac:dyDescent="0.25">
      <c r="A748" s="121" t="s">
        <v>508</v>
      </c>
      <c r="B748" s="122"/>
      <c r="C748" s="122"/>
      <c r="D748" s="122"/>
      <c r="E748" s="123"/>
    </row>
    <row r="749" spans="1:6" s="4" customFormat="1" ht="110.1" customHeight="1" thickBot="1" x14ac:dyDescent="0.3">
      <c r="A749" s="58">
        <v>44565</v>
      </c>
      <c r="B749" s="57" t="s">
        <v>841</v>
      </c>
      <c r="C749" s="51"/>
      <c r="D749" s="147"/>
      <c r="E749" s="148"/>
    </row>
    <row r="750" spans="1:6" s="28" customFormat="1" ht="30.75" customHeight="1" x14ac:dyDescent="0.25">
      <c r="A750" s="121" t="s">
        <v>509</v>
      </c>
      <c r="B750" s="122"/>
      <c r="C750" s="122"/>
      <c r="D750" s="122"/>
      <c r="E750" s="123"/>
    </row>
    <row r="751" spans="1:6" s="4" customFormat="1" ht="140.1" customHeight="1" thickBot="1" x14ac:dyDescent="0.3">
      <c r="A751" s="58">
        <v>44566</v>
      </c>
      <c r="B751" s="57" t="s">
        <v>842</v>
      </c>
      <c r="C751" s="51"/>
      <c r="D751" s="147"/>
      <c r="E751" s="148"/>
    </row>
    <row r="752" spans="1:6" s="28" customFormat="1" ht="30.75" customHeight="1" x14ac:dyDescent="0.25">
      <c r="A752" s="121" t="s">
        <v>510</v>
      </c>
      <c r="B752" s="122"/>
      <c r="C752" s="122"/>
      <c r="D752" s="122"/>
      <c r="E752" s="123"/>
    </row>
    <row r="753" spans="1:5" s="4" customFormat="1" ht="159.94999999999999" customHeight="1" thickBot="1" x14ac:dyDescent="0.3">
      <c r="A753" s="86">
        <v>44567</v>
      </c>
      <c r="B753" s="87" t="s">
        <v>843</v>
      </c>
      <c r="C753" s="85"/>
      <c r="D753" s="149"/>
      <c r="E753" s="150"/>
    </row>
    <row r="754" spans="1:5" s="28" customFormat="1" ht="30.75" customHeight="1" x14ac:dyDescent="0.25">
      <c r="A754" s="121" t="s">
        <v>511</v>
      </c>
      <c r="B754" s="122"/>
      <c r="C754" s="48"/>
      <c r="D754" s="48"/>
      <c r="E754" s="49"/>
    </row>
    <row r="755" spans="1:5" s="4" customFormat="1" ht="150" customHeight="1" thickBot="1" x14ac:dyDescent="0.3">
      <c r="A755" s="58">
        <v>44568</v>
      </c>
      <c r="B755" s="57" t="s">
        <v>844</v>
      </c>
      <c r="C755" s="51"/>
      <c r="D755" s="147"/>
      <c r="E755" s="148"/>
    </row>
    <row r="756" spans="1:5" s="28" customFormat="1" ht="30.75" customHeight="1" x14ac:dyDescent="0.25">
      <c r="A756" s="121" t="s">
        <v>512</v>
      </c>
      <c r="B756" s="122"/>
      <c r="C756" s="48"/>
      <c r="D756" s="48"/>
      <c r="E756" s="49"/>
    </row>
    <row r="757" spans="1:5" s="4" customFormat="1" ht="120" customHeight="1" thickBot="1" x14ac:dyDescent="0.3">
      <c r="A757" s="58">
        <v>44569</v>
      </c>
      <c r="B757" s="57" t="s">
        <v>845</v>
      </c>
      <c r="C757" s="51"/>
      <c r="D757" s="147"/>
      <c r="E757" s="148"/>
    </row>
    <row r="758" spans="1:5" s="28" customFormat="1" ht="30.75" customHeight="1" x14ac:dyDescent="0.25">
      <c r="A758" s="121" t="s">
        <v>513</v>
      </c>
      <c r="B758" s="122"/>
      <c r="C758" s="122"/>
      <c r="D758" s="122"/>
      <c r="E758" s="123"/>
    </row>
    <row r="759" spans="1:5" s="4" customFormat="1" ht="210" customHeight="1" thickBot="1" x14ac:dyDescent="0.3">
      <c r="A759" s="58">
        <v>44570</v>
      </c>
      <c r="B759" s="57" t="s">
        <v>846</v>
      </c>
      <c r="C759" s="51"/>
      <c r="D759" s="147"/>
      <c r="E759" s="148"/>
    </row>
    <row r="760" spans="1:5" s="28" customFormat="1" ht="30.75" customHeight="1" x14ac:dyDescent="0.25">
      <c r="A760" s="121" t="s">
        <v>514</v>
      </c>
      <c r="B760" s="122"/>
      <c r="C760" s="122"/>
      <c r="D760" s="122"/>
      <c r="E760" s="123"/>
    </row>
    <row r="761" spans="1:5" s="4" customFormat="1" ht="150" customHeight="1" thickBot="1" x14ac:dyDescent="0.3">
      <c r="A761" s="86">
        <v>44571</v>
      </c>
      <c r="B761" s="87" t="s">
        <v>847</v>
      </c>
      <c r="C761" s="85"/>
      <c r="D761" s="149"/>
      <c r="E761" s="150"/>
    </row>
    <row r="762" spans="1:5" s="28" customFormat="1" ht="30.75" customHeight="1" x14ac:dyDescent="0.25">
      <c r="A762" s="121" t="s">
        <v>515</v>
      </c>
      <c r="B762" s="122"/>
      <c r="C762" s="48"/>
      <c r="D762" s="48"/>
      <c r="E762" s="49"/>
    </row>
    <row r="763" spans="1:5" s="4" customFormat="1" ht="50.1" customHeight="1" thickBot="1" x14ac:dyDescent="0.3">
      <c r="A763" s="58">
        <v>44572</v>
      </c>
      <c r="B763" s="57" t="s">
        <v>516</v>
      </c>
      <c r="C763" s="51"/>
      <c r="D763" s="147"/>
      <c r="E763" s="148"/>
    </row>
    <row r="764" spans="1:5" s="28" customFormat="1" ht="30.75" customHeight="1" x14ac:dyDescent="0.25">
      <c r="A764" s="121" t="s">
        <v>517</v>
      </c>
      <c r="B764" s="122"/>
      <c r="C764" s="48"/>
      <c r="D764" s="48"/>
      <c r="E764" s="49"/>
    </row>
    <row r="765" spans="1:5" s="4" customFormat="1" ht="80.099999999999994" customHeight="1" thickBot="1" x14ac:dyDescent="0.3">
      <c r="A765" s="58">
        <v>44573</v>
      </c>
      <c r="B765" s="57" t="s">
        <v>848</v>
      </c>
      <c r="C765" s="51"/>
      <c r="D765" s="147"/>
      <c r="E765" s="148"/>
    </row>
    <row r="766" spans="1:5" s="28" customFormat="1" ht="30.75" customHeight="1" x14ac:dyDescent="0.25">
      <c r="A766" s="121" t="s">
        <v>518</v>
      </c>
      <c r="B766" s="122"/>
      <c r="C766" s="48"/>
      <c r="D766" s="48"/>
      <c r="E766" s="49"/>
    </row>
    <row r="767" spans="1:5" s="4" customFormat="1" ht="30" customHeight="1" thickBot="1" x14ac:dyDescent="0.3">
      <c r="A767" s="58">
        <v>44574</v>
      </c>
      <c r="B767" s="57" t="s">
        <v>519</v>
      </c>
      <c r="C767" s="51"/>
      <c r="D767" s="147"/>
      <c r="E767" s="148"/>
    </row>
    <row r="768" spans="1:5" s="28" customFormat="1" ht="30.75" customHeight="1" x14ac:dyDescent="0.25">
      <c r="A768" s="121" t="s">
        <v>520</v>
      </c>
      <c r="B768" s="122"/>
      <c r="C768" s="48"/>
      <c r="D768" s="48"/>
      <c r="E768" s="49"/>
    </row>
    <row r="769" spans="1:5" s="4" customFormat="1" ht="60" customHeight="1" thickBot="1" x14ac:dyDescent="0.3">
      <c r="A769" s="58">
        <v>44575</v>
      </c>
      <c r="B769" s="57" t="s">
        <v>849</v>
      </c>
      <c r="C769" s="51"/>
      <c r="D769" s="147"/>
      <c r="E769" s="148"/>
    </row>
    <row r="770" spans="1:5" s="28" customFormat="1" ht="30.75" customHeight="1" x14ac:dyDescent="0.25">
      <c r="A770" s="121" t="s">
        <v>521</v>
      </c>
      <c r="B770" s="122"/>
      <c r="C770" s="48"/>
      <c r="D770" s="48"/>
      <c r="E770" s="49"/>
    </row>
    <row r="771" spans="1:5" s="4" customFormat="1" ht="90" customHeight="1" thickBot="1" x14ac:dyDescent="0.3">
      <c r="A771" s="58">
        <v>44576</v>
      </c>
      <c r="B771" s="57" t="s">
        <v>850</v>
      </c>
      <c r="C771" s="51"/>
      <c r="D771" s="147"/>
      <c r="E771" s="148"/>
    </row>
    <row r="772" spans="1:5" s="28" customFormat="1" ht="30.75" customHeight="1" x14ac:dyDescent="0.25">
      <c r="A772" s="121" t="s">
        <v>522</v>
      </c>
      <c r="B772" s="122"/>
      <c r="C772" s="48"/>
      <c r="D772" s="48"/>
      <c r="E772" s="49"/>
    </row>
    <row r="773" spans="1:5" s="4" customFormat="1" ht="90" customHeight="1" thickBot="1" x14ac:dyDescent="0.3">
      <c r="A773" s="86">
        <v>44577</v>
      </c>
      <c r="B773" s="87" t="s">
        <v>851</v>
      </c>
      <c r="C773" s="85"/>
      <c r="D773" s="149"/>
      <c r="E773" s="150"/>
    </row>
    <row r="774" spans="1:5" s="28" customFormat="1" ht="30.75" customHeight="1" x14ac:dyDescent="0.25">
      <c r="A774" s="121" t="s">
        <v>523</v>
      </c>
      <c r="B774" s="122"/>
      <c r="C774" s="48"/>
      <c r="D774" s="48"/>
      <c r="E774" s="49"/>
    </row>
    <row r="775" spans="1:5" s="4" customFormat="1" ht="80.099999999999994" customHeight="1" thickBot="1" x14ac:dyDescent="0.3">
      <c r="A775" s="58">
        <v>44578</v>
      </c>
      <c r="B775" s="57" t="s">
        <v>852</v>
      </c>
      <c r="C775" s="51"/>
      <c r="D775" s="147"/>
      <c r="E775" s="148"/>
    </row>
    <row r="776" spans="1:5" s="28" customFormat="1" ht="30.75" customHeight="1" x14ac:dyDescent="0.25">
      <c r="A776" s="121" t="s">
        <v>524</v>
      </c>
      <c r="B776" s="122"/>
      <c r="C776" s="48"/>
      <c r="D776" s="48"/>
      <c r="E776" s="49"/>
    </row>
    <row r="777" spans="1:5" s="4" customFormat="1" ht="80.099999999999994" customHeight="1" thickBot="1" x14ac:dyDescent="0.3">
      <c r="A777" s="58">
        <v>44579</v>
      </c>
      <c r="B777" s="57" t="s">
        <v>853</v>
      </c>
      <c r="C777" s="51"/>
      <c r="D777" s="147"/>
      <c r="E777" s="148"/>
    </row>
    <row r="778" spans="1:5" s="28" customFormat="1" ht="30.75" customHeight="1" x14ac:dyDescent="0.25">
      <c r="A778" s="121" t="s">
        <v>525</v>
      </c>
      <c r="B778" s="122"/>
      <c r="C778" s="48"/>
      <c r="D778" s="48"/>
      <c r="E778" s="49"/>
    </row>
    <row r="779" spans="1:5" s="4" customFormat="1" ht="150" customHeight="1" thickBot="1" x14ac:dyDescent="0.3">
      <c r="A779" s="58">
        <v>44580</v>
      </c>
      <c r="B779" s="57" t="s">
        <v>854</v>
      </c>
      <c r="C779" s="51"/>
      <c r="D779" s="147"/>
      <c r="E779" s="148"/>
    </row>
    <row r="780" spans="1:5" s="28" customFormat="1" ht="30.75" customHeight="1" x14ac:dyDescent="0.25">
      <c r="A780" s="121" t="s">
        <v>526</v>
      </c>
      <c r="B780" s="122"/>
      <c r="C780" s="48"/>
      <c r="D780" s="48"/>
      <c r="E780" s="49"/>
    </row>
    <row r="781" spans="1:5" s="4" customFormat="1" ht="80.099999999999994" customHeight="1" thickBot="1" x14ac:dyDescent="0.3">
      <c r="A781" s="86">
        <v>44581</v>
      </c>
      <c r="B781" s="87" t="s">
        <v>855</v>
      </c>
      <c r="C781" s="85"/>
      <c r="D781" s="149"/>
      <c r="E781" s="150"/>
    </row>
    <row r="782" spans="1:5" s="28" customFormat="1" ht="30.75" customHeight="1" x14ac:dyDescent="0.25">
      <c r="A782" s="121" t="s">
        <v>527</v>
      </c>
      <c r="B782" s="122"/>
      <c r="C782" s="48"/>
      <c r="D782" s="48"/>
      <c r="E782" s="49"/>
    </row>
    <row r="783" spans="1:5" s="4" customFormat="1" ht="30" customHeight="1" thickBot="1" x14ac:dyDescent="0.3">
      <c r="A783" s="58">
        <v>44582</v>
      </c>
      <c r="B783" s="57" t="s">
        <v>856</v>
      </c>
      <c r="C783" s="51"/>
      <c r="D783" s="147"/>
      <c r="E783" s="148"/>
    </row>
    <row r="784" spans="1:5" s="28" customFormat="1" ht="30.75" customHeight="1" x14ac:dyDescent="0.25">
      <c r="A784" s="121" t="s">
        <v>528</v>
      </c>
      <c r="B784" s="122"/>
      <c r="C784" s="48"/>
      <c r="D784" s="48"/>
      <c r="E784" s="49"/>
    </row>
    <row r="785" spans="1:6" s="4" customFormat="1" ht="50.1" customHeight="1" thickBot="1" x14ac:dyDescent="0.3">
      <c r="A785" s="86">
        <v>44583</v>
      </c>
      <c r="B785" s="87" t="s">
        <v>857</v>
      </c>
      <c r="C785" s="85"/>
      <c r="D785" s="149"/>
      <c r="E785" s="150"/>
    </row>
    <row r="786" spans="1:6" s="3" customFormat="1" ht="20.100000000000001" customHeight="1" x14ac:dyDescent="0.25">
      <c r="A786" s="5"/>
      <c r="B786" s="5"/>
      <c r="C786" s="7"/>
      <c r="D786" s="7"/>
      <c r="E786" s="29"/>
    </row>
    <row r="787" spans="1:6" s="2" customFormat="1" ht="30" customHeight="1" thickBot="1" x14ac:dyDescent="0.3">
      <c r="A787" s="133" t="s">
        <v>563</v>
      </c>
      <c r="B787" s="134"/>
      <c r="C787" s="134"/>
      <c r="D787" s="134"/>
      <c r="E787" s="134"/>
    </row>
    <row r="788" spans="1:6" s="3" customFormat="1" ht="93" customHeight="1" x14ac:dyDescent="0.25">
      <c r="A788" s="135" t="s">
        <v>0</v>
      </c>
      <c r="B788" s="136"/>
      <c r="C788" s="139" t="s">
        <v>24</v>
      </c>
      <c r="D788" s="140"/>
      <c r="E788" s="141"/>
      <c r="F788" s="26"/>
    </row>
    <row r="789" spans="1:6" s="3" customFormat="1" ht="30" customHeight="1" thickBot="1" x14ac:dyDescent="0.3">
      <c r="A789" s="137"/>
      <c r="B789" s="138"/>
      <c r="C789" s="27" t="s">
        <v>25</v>
      </c>
      <c r="D789" s="142" t="s">
        <v>26</v>
      </c>
      <c r="E789" s="143"/>
    </row>
    <row r="790" spans="1:6" s="3" customFormat="1" ht="50.1" customHeight="1" thickBot="1" x14ac:dyDescent="0.3">
      <c r="A790" s="144" t="s">
        <v>858</v>
      </c>
      <c r="B790" s="145"/>
      <c r="C790" s="145"/>
      <c r="D790" s="145"/>
      <c r="E790" s="146"/>
    </row>
    <row r="791" spans="1:6" s="28" customFormat="1" ht="30.75" customHeight="1" x14ac:dyDescent="0.25">
      <c r="A791" s="121" t="s">
        <v>566</v>
      </c>
      <c r="B791" s="122"/>
      <c r="C791" s="48"/>
      <c r="D791" s="48"/>
      <c r="E791" s="49"/>
    </row>
    <row r="792" spans="1:6" s="4" customFormat="1" ht="60" customHeight="1" thickBot="1" x14ac:dyDescent="0.3">
      <c r="A792" s="56" t="s">
        <v>91</v>
      </c>
      <c r="B792" s="57" t="s">
        <v>567</v>
      </c>
      <c r="C792" s="51"/>
      <c r="D792" s="147"/>
      <c r="E792" s="148"/>
    </row>
    <row r="793" spans="1:6" s="28" customFormat="1" ht="30.75" customHeight="1" x14ac:dyDescent="0.25">
      <c r="A793" s="121" t="s">
        <v>568</v>
      </c>
      <c r="B793" s="122"/>
      <c r="C793" s="48"/>
      <c r="D793" s="48"/>
      <c r="E793" s="49"/>
    </row>
    <row r="794" spans="1:6" s="4" customFormat="1" ht="69.95" customHeight="1" thickBot="1" x14ac:dyDescent="0.3">
      <c r="A794" s="88" t="s">
        <v>207</v>
      </c>
      <c r="B794" s="89" t="s">
        <v>569</v>
      </c>
      <c r="C794" s="85"/>
      <c r="D794" s="149"/>
      <c r="E794" s="150"/>
    </row>
    <row r="795" spans="1:6" s="3" customFormat="1" ht="20.100000000000001" customHeight="1" x14ac:dyDescent="0.25">
      <c r="A795" s="5"/>
      <c r="B795" s="5"/>
      <c r="C795" s="7"/>
      <c r="D795" s="7"/>
      <c r="E795" s="29"/>
    </row>
    <row r="796" spans="1:6" s="2" customFormat="1" ht="30" customHeight="1" thickBot="1" x14ac:dyDescent="0.3">
      <c r="A796" s="133" t="s">
        <v>570</v>
      </c>
      <c r="B796" s="134"/>
      <c r="C796" s="134"/>
      <c r="D796" s="134"/>
      <c r="E796" s="134"/>
    </row>
    <row r="797" spans="1:6" s="3" customFormat="1" ht="93" customHeight="1" x14ac:dyDescent="0.25">
      <c r="A797" s="135" t="s">
        <v>0</v>
      </c>
      <c r="B797" s="136"/>
      <c r="C797" s="139" t="s">
        <v>24</v>
      </c>
      <c r="D797" s="140"/>
      <c r="E797" s="141"/>
      <c r="F797" s="26"/>
    </row>
    <row r="798" spans="1:6" s="3" customFormat="1" ht="30" customHeight="1" thickBot="1" x14ac:dyDescent="0.3">
      <c r="A798" s="137"/>
      <c r="B798" s="138"/>
      <c r="C798" s="27" t="s">
        <v>25</v>
      </c>
      <c r="D798" s="142" t="s">
        <v>26</v>
      </c>
      <c r="E798" s="143"/>
    </row>
    <row r="799" spans="1:6" s="3" customFormat="1" ht="60" customHeight="1" thickBot="1" x14ac:dyDescent="0.3">
      <c r="A799" s="144" t="s">
        <v>859</v>
      </c>
      <c r="B799" s="145"/>
      <c r="C799" s="145"/>
      <c r="D799" s="145"/>
      <c r="E799" s="146"/>
    </row>
    <row r="800" spans="1:6" s="28" customFormat="1" ht="30.75" customHeight="1" x14ac:dyDescent="0.25">
      <c r="A800" s="121" t="s">
        <v>571</v>
      </c>
      <c r="B800" s="122"/>
      <c r="C800" s="48"/>
      <c r="D800" s="48"/>
      <c r="E800" s="49"/>
    </row>
    <row r="801" spans="1:6" s="4" customFormat="1" ht="90" customHeight="1" thickBot="1" x14ac:dyDescent="0.3">
      <c r="A801" s="56" t="s">
        <v>91</v>
      </c>
      <c r="B801" s="57" t="s">
        <v>860</v>
      </c>
      <c r="C801" s="51"/>
      <c r="D801" s="147"/>
      <c r="E801" s="148"/>
    </row>
    <row r="802" spans="1:6" s="28" customFormat="1" ht="30.75" customHeight="1" x14ac:dyDescent="0.25">
      <c r="A802" s="121" t="s">
        <v>572</v>
      </c>
      <c r="B802" s="122"/>
      <c r="C802" s="48"/>
      <c r="D802" s="48"/>
      <c r="E802" s="49"/>
    </row>
    <row r="803" spans="1:6" s="4" customFormat="1" ht="80.099999999999994" customHeight="1" thickBot="1" x14ac:dyDescent="0.3">
      <c r="A803" s="58">
        <v>44563</v>
      </c>
      <c r="B803" s="57" t="s">
        <v>861</v>
      </c>
      <c r="C803" s="51"/>
      <c r="D803" s="147"/>
      <c r="E803" s="148"/>
    </row>
    <row r="804" spans="1:6" s="28" customFormat="1" ht="30.75" customHeight="1" x14ac:dyDescent="0.25">
      <c r="A804" s="121" t="s">
        <v>573</v>
      </c>
      <c r="B804" s="122"/>
      <c r="C804" s="48"/>
      <c r="D804" s="48"/>
      <c r="E804" s="49"/>
    </row>
    <row r="805" spans="1:6" s="4" customFormat="1" ht="60" customHeight="1" thickBot="1" x14ac:dyDescent="0.3">
      <c r="A805" s="58">
        <v>44564</v>
      </c>
      <c r="B805" s="57" t="s">
        <v>862</v>
      </c>
      <c r="C805" s="51"/>
      <c r="D805" s="147"/>
      <c r="E805" s="148"/>
    </row>
    <row r="806" spans="1:6" s="28" customFormat="1" ht="30.75" customHeight="1" x14ac:dyDescent="0.25">
      <c r="A806" s="121" t="s">
        <v>574</v>
      </c>
      <c r="B806" s="122"/>
      <c r="C806" s="48"/>
      <c r="D806" s="48"/>
      <c r="E806" s="49"/>
    </row>
    <row r="807" spans="1:6" s="4" customFormat="1" ht="84.95" customHeight="1" thickBot="1" x14ac:dyDescent="0.3">
      <c r="A807" s="58">
        <v>44565</v>
      </c>
      <c r="B807" s="57" t="s">
        <v>863</v>
      </c>
      <c r="C807" s="51"/>
      <c r="D807" s="147"/>
      <c r="E807" s="148"/>
    </row>
    <row r="808" spans="1:6" s="28" customFormat="1" ht="30.75" customHeight="1" x14ac:dyDescent="0.25">
      <c r="A808" s="121" t="s">
        <v>575</v>
      </c>
      <c r="B808" s="122"/>
      <c r="C808" s="48"/>
      <c r="D808" s="48"/>
      <c r="E808" s="49"/>
    </row>
    <row r="809" spans="1:6" s="4" customFormat="1" ht="80.099999999999994" customHeight="1" thickBot="1" x14ac:dyDescent="0.3">
      <c r="A809" s="58">
        <v>44566</v>
      </c>
      <c r="B809" s="57" t="s">
        <v>865</v>
      </c>
      <c r="C809" s="51"/>
      <c r="D809" s="147"/>
      <c r="E809" s="148"/>
    </row>
    <row r="810" spans="1:6" s="28" customFormat="1" ht="30.75" customHeight="1" x14ac:dyDescent="0.25">
      <c r="A810" s="121" t="s">
        <v>576</v>
      </c>
      <c r="B810" s="122"/>
      <c r="C810" s="48"/>
      <c r="D810" s="48"/>
      <c r="E810" s="49"/>
    </row>
    <row r="811" spans="1:6" s="4" customFormat="1" ht="69.95" customHeight="1" thickBot="1" x14ac:dyDescent="0.3">
      <c r="A811" s="86">
        <v>44567</v>
      </c>
      <c r="B811" s="87" t="s">
        <v>864</v>
      </c>
      <c r="C811" s="85"/>
      <c r="D811" s="149"/>
      <c r="E811" s="150"/>
    </row>
    <row r="812" spans="1:6" s="3" customFormat="1" ht="20.100000000000001" customHeight="1" x14ac:dyDescent="0.25">
      <c r="A812" s="5"/>
      <c r="B812" s="5"/>
      <c r="C812" s="7"/>
      <c r="D812" s="7"/>
      <c r="E812" s="29"/>
    </row>
    <row r="813" spans="1:6" s="2" customFormat="1" ht="30" customHeight="1" thickBot="1" x14ac:dyDescent="0.3">
      <c r="A813" s="133" t="s">
        <v>581</v>
      </c>
      <c r="B813" s="134"/>
      <c r="C813" s="134"/>
      <c r="D813" s="134"/>
      <c r="E813" s="134"/>
    </row>
    <row r="814" spans="1:6" s="3" customFormat="1" ht="93" customHeight="1" x14ac:dyDescent="0.25">
      <c r="A814" s="135" t="s">
        <v>0</v>
      </c>
      <c r="B814" s="136"/>
      <c r="C814" s="139" t="s">
        <v>24</v>
      </c>
      <c r="D814" s="140"/>
      <c r="E814" s="141"/>
      <c r="F814" s="26"/>
    </row>
    <row r="815" spans="1:6" s="3" customFormat="1" ht="30" customHeight="1" thickBot="1" x14ac:dyDescent="0.3">
      <c r="A815" s="137"/>
      <c r="B815" s="138"/>
      <c r="C815" s="27" t="s">
        <v>25</v>
      </c>
      <c r="D815" s="142" t="s">
        <v>26</v>
      </c>
      <c r="E815" s="143"/>
    </row>
    <row r="816" spans="1:6" s="3" customFormat="1" ht="30" customHeight="1" thickBot="1" x14ac:dyDescent="0.3">
      <c r="A816" s="144" t="s">
        <v>866</v>
      </c>
      <c r="B816" s="145"/>
      <c r="C816" s="145"/>
      <c r="D816" s="145"/>
      <c r="E816" s="146"/>
    </row>
    <row r="817" spans="1:6" s="28" customFormat="1" ht="30.75" customHeight="1" x14ac:dyDescent="0.25">
      <c r="A817" s="121" t="s">
        <v>583</v>
      </c>
      <c r="B817" s="122"/>
      <c r="C817" s="48"/>
      <c r="D817" s="48"/>
      <c r="E817" s="49"/>
    </row>
    <row r="818" spans="1:6" s="4" customFormat="1" ht="110.1" customHeight="1" thickBot="1" x14ac:dyDescent="0.3">
      <c r="A818" s="90" t="s">
        <v>91</v>
      </c>
      <c r="B818" s="87" t="s">
        <v>867</v>
      </c>
      <c r="C818" s="85"/>
      <c r="D818" s="149"/>
      <c r="E818" s="150"/>
    </row>
    <row r="819" spans="1:6" s="3" customFormat="1" ht="20.100000000000001" customHeight="1" x14ac:dyDescent="0.25">
      <c r="A819" s="5"/>
      <c r="B819" s="5"/>
      <c r="C819" s="7"/>
      <c r="D819" s="7"/>
      <c r="E819" s="29"/>
    </row>
    <row r="820" spans="1:6" s="2" customFormat="1" ht="30" customHeight="1" thickBot="1" x14ac:dyDescent="0.3">
      <c r="A820" s="133" t="s">
        <v>584</v>
      </c>
      <c r="B820" s="134"/>
      <c r="C820" s="134"/>
      <c r="D820" s="134"/>
      <c r="E820" s="134"/>
    </row>
    <row r="821" spans="1:6" s="3" customFormat="1" ht="93" customHeight="1" x14ac:dyDescent="0.25">
      <c r="A821" s="135" t="s">
        <v>0</v>
      </c>
      <c r="B821" s="136"/>
      <c r="C821" s="139" t="s">
        <v>24</v>
      </c>
      <c r="D821" s="140"/>
      <c r="E821" s="141"/>
      <c r="F821" s="26"/>
    </row>
    <row r="822" spans="1:6" s="3" customFormat="1" ht="30" customHeight="1" thickBot="1" x14ac:dyDescent="0.3">
      <c r="A822" s="137"/>
      <c r="B822" s="138"/>
      <c r="C822" s="27" t="s">
        <v>25</v>
      </c>
      <c r="D822" s="142" t="s">
        <v>26</v>
      </c>
      <c r="E822" s="143"/>
    </row>
    <row r="823" spans="1:6" s="3" customFormat="1" ht="30" customHeight="1" thickBot="1" x14ac:dyDescent="0.3">
      <c r="A823" s="144" t="s">
        <v>586</v>
      </c>
      <c r="B823" s="145"/>
      <c r="C823" s="145"/>
      <c r="D823" s="145"/>
      <c r="E823" s="146"/>
    </row>
    <row r="824" spans="1:6" s="28" customFormat="1" ht="30.75" customHeight="1" x14ac:dyDescent="0.25">
      <c r="A824" s="121" t="s">
        <v>587</v>
      </c>
      <c r="B824" s="122"/>
      <c r="C824" s="48"/>
      <c r="D824" s="48"/>
      <c r="E824" s="49"/>
    </row>
    <row r="825" spans="1:6" s="4" customFormat="1" ht="90" customHeight="1" thickBot="1" x14ac:dyDescent="0.3">
      <c r="A825" s="90" t="s">
        <v>91</v>
      </c>
      <c r="B825" s="87" t="s">
        <v>868</v>
      </c>
      <c r="C825" s="85"/>
      <c r="D825" s="149"/>
      <c r="E825" s="150"/>
    </row>
    <row r="826" spans="1:6" s="3" customFormat="1" ht="20.100000000000001" customHeight="1" x14ac:dyDescent="0.25">
      <c r="A826" s="5"/>
      <c r="B826" s="5"/>
      <c r="C826" s="7"/>
      <c r="D826" s="7"/>
      <c r="E826" s="29"/>
    </row>
    <row r="827" spans="1:6" s="2" customFormat="1" ht="30" customHeight="1" thickBot="1" x14ac:dyDescent="0.3">
      <c r="A827" s="133" t="s">
        <v>588</v>
      </c>
      <c r="B827" s="134"/>
      <c r="C827" s="134"/>
      <c r="D827" s="134"/>
      <c r="E827" s="134"/>
    </row>
    <row r="828" spans="1:6" s="3" customFormat="1" ht="93" customHeight="1" x14ac:dyDescent="0.25">
      <c r="A828" s="135" t="s">
        <v>0</v>
      </c>
      <c r="B828" s="136"/>
      <c r="C828" s="139" t="s">
        <v>24</v>
      </c>
      <c r="D828" s="140"/>
      <c r="E828" s="141"/>
      <c r="F828" s="26"/>
    </row>
    <row r="829" spans="1:6" s="3" customFormat="1" ht="30" customHeight="1" thickBot="1" x14ac:dyDescent="0.3">
      <c r="A829" s="137"/>
      <c r="B829" s="138"/>
      <c r="C829" s="27" t="s">
        <v>25</v>
      </c>
      <c r="D829" s="142" t="s">
        <v>26</v>
      </c>
      <c r="E829" s="143"/>
    </row>
    <row r="830" spans="1:6" s="3" customFormat="1" ht="20.100000000000001" customHeight="1" thickBot="1" x14ac:dyDescent="0.3">
      <c r="A830" s="144" t="s">
        <v>869</v>
      </c>
      <c r="B830" s="145"/>
      <c r="C830" s="145"/>
      <c r="D830" s="145"/>
      <c r="E830" s="146"/>
    </row>
    <row r="831" spans="1:6" s="28" customFormat="1" ht="30.75" customHeight="1" x14ac:dyDescent="0.25">
      <c r="A831" s="121" t="s">
        <v>596</v>
      </c>
      <c r="B831" s="122"/>
      <c r="C831" s="48"/>
      <c r="D831" s="48"/>
      <c r="E831" s="49"/>
    </row>
    <row r="832" spans="1:6" s="4" customFormat="1" ht="50.1" customHeight="1" thickBot="1" x14ac:dyDescent="0.3">
      <c r="A832" s="56" t="s">
        <v>91</v>
      </c>
      <c r="B832" s="57" t="s">
        <v>597</v>
      </c>
      <c r="C832" s="51"/>
      <c r="D832" s="147"/>
      <c r="E832" s="148"/>
    </row>
    <row r="833" spans="1:6" s="28" customFormat="1" ht="30.75" customHeight="1" x14ac:dyDescent="0.25">
      <c r="A833" s="121" t="s">
        <v>598</v>
      </c>
      <c r="B833" s="122"/>
      <c r="C833" s="48"/>
      <c r="D833" s="48"/>
      <c r="E833" s="49"/>
    </row>
    <row r="834" spans="1:6" s="4" customFormat="1" ht="50.1" customHeight="1" thickBot="1" x14ac:dyDescent="0.3">
      <c r="A834" s="58">
        <v>44563</v>
      </c>
      <c r="B834" s="99" t="s">
        <v>599</v>
      </c>
      <c r="C834" s="51"/>
      <c r="D834" s="147"/>
      <c r="E834" s="148"/>
    </row>
    <row r="835" spans="1:6" s="28" customFormat="1" ht="30.75" customHeight="1" x14ac:dyDescent="0.25">
      <c r="A835" s="121" t="s">
        <v>600</v>
      </c>
      <c r="B835" s="122"/>
      <c r="C835" s="48"/>
      <c r="D835" s="48"/>
      <c r="E835" s="49"/>
    </row>
    <row r="836" spans="1:6" s="4" customFormat="1" ht="50.1" customHeight="1" thickBot="1" x14ac:dyDescent="0.3">
      <c r="A836" s="58">
        <v>44564</v>
      </c>
      <c r="B836" s="99" t="s">
        <v>601</v>
      </c>
      <c r="C836" s="51"/>
      <c r="D836" s="147"/>
      <c r="E836" s="148"/>
    </row>
    <row r="837" spans="1:6" s="28" customFormat="1" ht="30.75" customHeight="1" x14ac:dyDescent="0.25">
      <c r="A837" s="121" t="s">
        <v>602</v>
      </c>
      <c r="B837" s="122"/>
      <c r="C837" s="48"/>
      <c r="D837" s="48"/>
      <c r="E837" s="49"/>
    </row>
    <row r="838" spans="1:6" s="4" customFormat="1" ht="54.95" customHeight="1" thickBot="1" x14ac:dyDescent="0.3">
      <c r="A838" s="58">
        <v>44565</v>
      </c>
      <c r="B838" s="57" t="s">
        <v>603</v>
      </c>
      <c r="C838" s="51"/>
      <c r="D838" s="147"/>
      <c r="E838" s="148"/>
    </row>
    <row r="839" spans="1:6" s="28" customFormat="1" ht="30.75" customHeight="1" x14ac:dyDescent="0.25">
      <c r="A839" s="121" t="s">
        <v>604</v>
      </c>
      <c r="B839" s="122"/>
      <c r="C839" s="48"/>
      <c r="D839" s="48"/>
      <c r="E839" s="49"/>
    </row>
    <row r="840" spans="1:6" s="4" customFormat="1" ht="30" customHeight="1" thickBot="1" x14ac:dyDescent="0.3">
      <c r="A840" s="58">
        <v>44566</v>
      </c>
      <c r="B840" s="57" t="s">
        <v>605</v>
      </c>
      <c r="C840" s="51"/>
      <c r="D840" s="147"/>
      <c r="E840" s="148"/>
    </row>
    <row r="841" spans="1:6" s="28" customFormat="1" ht="30.75" customHeight="1" x14ac:dyDescent="0.25">
      <c r="A841" s="121" t="s">
        <v>606</v>
      </c>
      <c r="B841" s="122"/>
      <c r="C841" s="48"/>
      <c r="D841" s="48"/>
      <c r="E841" s="49"/>
    </row>
    <row r="842" spans="1:6" s="4" customFormat="1" ht="30" customHeight="1" thickBot="1" x14ac:dyDescent="0.3">
      <c r="A842" s="86">
        <v>44567</v>
      </c>
      <c r="B842" s="99" t="s">
        <v>607</v>
      </c>
      <c r="C842" s="85"/>
      <c r="D842" s="149"/>
      <c r="E842" s="150"/>
    </row>
    <row r="843" spans="1:6" s="28" customFormat="1" ht="30.75" customHeight="1" x14ac:dyDescent="0.25">
      <c r="A843" s="121" t="s">
        <v>608</v>
      </c>
      <c r="B843" s="122"/>
      <c r="C843" s="48"/>
      <c r="D843" s="48"/>
      <c r="E843" s="49"/>
    </row>
    <row r="844" spans="1:6" s="4" customFormat="1" ht="69.95" customHeight="1" thickBot="1" x14ac:dyDescent="0.3">
      <c r="A844" s="86">
        <v>44568</v>
      </c>
      <c r="B844" s="87" t="s">
        <v>870</v>
      </c>
      <c r="C844" s="85"/>
      <c r="D844" s="149"/>
      <c r="E844" s="150"/>
    </row>
    <row r="845" spans="1:6" s="3" customFormat="1" ht="20.100000000000001" customHeight="1" x14ac:dyDescent="0.25">
      <c r="A845" s="5"/>
      <c r="B845" s="5"/>
      <c r="C845" s="7"/>
      <c r="D845" s="7"/>
      <c r="E845" s="29"/>
    </row>
    <row r="846" spans="1:6" s="2" customFormat="1" ht="30" customHeight="1" thickBot="1" x14ac:dyDescent="0.3">
      <c r="A846" s="133" t="s">
        <v>609</v>
      </c>
      <c r="B846" s="134"/>
      <c r="C846" s="134"/>
      <c r="D846" s="134"/>
      <c r="E846" s="134"/>
    </row>
    <row r="847" spans="1:6" s="3" customFormat="1" ht="93" customHeight="1" x14ac:dyDescent="0.25">
      <c r="A847" s="135" t="s">
        <v>0</v>
      </c>
      <c r="B847" s="136"/>
      <c r="C847" s="139" t="s">
        <v>24</v>
      </c>
      <c r="D847" s="140"/>
      <c r="E847" s="141"/>
      <c r="F847" s="26"/>
    </row>
    <row r="848" spans="1:6" s="3" customFormat="1" ht="30" customHeight="1" thickBot="1" x14ac:dyDescent="0.3">
      <c r="A848" s="137"/>
      <c r="B848" s="138"/>
      <c r="C848" s="27" t="s">
        <v>25</v>
      </c>
      <c r="D848" s="142" t="s">
        <v>26</v>
      </c>
      <c r="E848" s="143"/>
    </row>
    <row r="849" spans="1:5" s="3" customFormat="1" ht="50.1" customHeight="1" thickBot="1" x14ac:dyDescent="0.3">
      <c r="A849" s="144" t="s">
        <v>621</v>
      </c>
      <c r="B849" s="145"/>
      <c r="C849" s="145"/>
      <c r="D849" s="145"/>
      <c r="E849" s="146"/>
    </row>
    <row r="850" spans="1:5" s="28" customFormat="1" ht="30.75" customHeight="1" x14ac:dyDescent="0.25">
      <c r="A850" s="121" t="s">
        <v>622</v>
      </c>
      <c r="B850" s="122"/>
      <c r="C850" s="48"/>
      <c r="D850" s="48"/>
      <c r="E850" s="49"/>
    </row>
    <row r="851" spans="1:5" s="4" customFormat="1" ht="60" customHeight="1" thickBot="1" x14ac:dyDescent="0.3">
      <c r="A851" s="56" t="s">
        <v>91</v>
      </c>
      <c r="B851" s="57" t="s">
        <v>871</v>
      </c>
      <c r="C851" s="51"/>
      <c r="D851" s="147"/>
      <c r="E851" s="148"/>
    </row>
    <row r="852" spans="1:5" s="28" customFormat="1" ht="30.75" customHeight="1" x14ac:dyDescent="0.25">
      <c r="A852" s="121" t="s">
        <v>623</v>
      </c>
      <c r="B852" s="122"/>
      <c r="C852" s="48"/>
      <c r="D852" s="48"/>
      <c r="E852" s="49"/>
    </row>
    <row r="853" spans="1:5" s="4" customFormat="1" ht="30" customHeight="1" thickBot="1" x14ac:dyDescent="0.3">
      <c r="A853" s="58">
        <v>44563</v>
      </c>
      <c r="B853" s="57" t="s">
        <v>625</v>
      </c>
      <c r="C853" s="51"/>
      <c r="D853" s="147"/>
      <c r="E853" s="148"/>
    </row>
    <row r="854" spans="1:5" s="28" customFormat="1" ht="30.75" customHeight="1" x14ac:dyDescent="0.25">
      <c r="A854" s="121" t="s">
        <v>624</v>
      </c>
      <c r="B854" s="122"/>
      <c r="C854" s="48"/>
      <c r="D854" s="48"/>
      <c r="E854" s="49"/>
    </row>
    <row r="855" spans="1:5" s="4" customFormat="1" ht="90" customHeight="1" thickBot="1" x14ac:dyDescent="0.3">
      <c r="A855" s="58">
        <v>44564</v>
      </c>
      <c r="B855" s="57" t="s">
        <v>872</v>
      </c>
      <c r="C855" s="51"/>
      <c r="D855" s="147"/>
      <c r="E855" s="148"/>
    </row>
    <row r="856" spans="1:5" s="28" customFormat="1" ht="30.75" customHeight="1" x14ac:dyDescent="0.25">
      <c r="A856" s="121" t="s">
        <v>626</v>
      </c>
      <c r="B856" s="122"/>
      <c r="C856" s="48"/>
      <c r="D856" s="48"/>
      <c r="E856" s="49"/>
    </row>
    <row r="857" spans="1:5" s="4" customFormat="1" ht="30" customHeight="1" thickBot="1" x14ac:dyDescent="0.3">
      <c r="A857" s="58">
        <v>44565</v>
      </c>
      <c r="B857" s="57" t="s">
        <v>627</v>
      </c>
      <c r="C857" s="51"/>
      <c r="D857" s="147"/>
      <c r="E857" s="148"/>
    </row>
    <row r="858" spans="1:5" s="28" customFormat="1" ht="30.75" customHeight="1" x14ac:dyDescent="0.25">
      <c r="A858" s="121" t="s">
        <v>628</v>
      </c>
      <c r="B858" s="122"/>
      <c r="C858" s="48"/>
      <c r="D858" s="48"/>
      <c r="E858" s="49"/>
    </row>
    <row r="859" spans="1:5" s="4" customFormat="1" ht="50.1" customHeight="1" thickBot="1" x14ac:dyDescent="0.3">
      <c r="A859" s="58">
        <v>44566</v>
      </c>
      <c r="B859" s="57" t="s">
        <v>873</v>
      </c>
      <c r="C859" s="51"/>
      <c r="D859" s="147"/>
      <c r="E859" s="148"/>
    </row>
    <row r="860" spans="1:5" s="28" customFormat="1" ht="30.75" customHeight="1" x14ac:dyDescent="0.25">
      <c r="A860" s="121" t="s">
        <v>629</v>
      </c>
      <c r="B860" s="122"/>
      <c r="C860" s="48"/>
      <c r="D860" s="48"/>
      <c r="E860" s="49"/>
    </row>
    <row r="861" spans="1:5" s="4" customFormat="1" ht="30" customHeight="1" thickBot="1" x14ac:dyDescent="0.3">
      <c r="A861" s="86">
        <v>44567</v>
      </c>
      <c r="B861" s="99" t="s">
        <v>874</v>
      </c>
      <c r="C861" s="85"/>
      <c r="D861" s="149"/>
      <c r="E861" s="150"/>
    </row>
    <row r="862" spans="1:5" s="28" customFormat="1" ht="30.75" customHeight="1" x14ac:dyDescent="0.25">
      <c r="A862" s="121" t="s">
        <v>630</v>
      </c>
      <c r="B862" s="122"/>
      <c r="C862" s="48"/>
      <c r="D862" s="48"/>
      <c r="E862" s="49"/>
    </row>
    <row r="863" spans="1:5" s="4" customFormat="1" ht="30" customHeight="1" thickBot="1" x14ac:dyDescent="0.3">
      <c r="A863" s="58">
        <v>44568</v>
      </c>
      <c r="B863" s="100" t="s">
        <v>631</v>
      </c>
      <c r="C863" s="51"/>
      <c r="D863" s="147"/>
      <c r="E863" s="148"/>
    </row>
    <row r="864" spans="1:5" s="28" customFormat="1" ht="30.75" customHeight="1" x14ac:dyDescent="0.25">
      <c r="A864" s="121" t="s">
        <v>632</v>
      </c>
      <c r="B864" s="122"/>
      <c r="C864" s="48"/>
      <c r="D864" s="48"/>
      <c r="E864" s="49"/>
    </row>
    <row r="865" spans="1:6" s="4" customFormat="1" ht="60" customHeight="1" thickBot="1" x14ac:dyDescent="0.3">
      <c r="A865" s="58">
        <v>44569</v>
      </c>
      <c r="B865" s="100" t="s">
        <v>875</v>
      </c>
      <c r="C865" s="51"/>
      <c r="D865" s="147"/>
      <c r="E865" s="148"/>
    </row>
    <row r="866" spans="1:6" s="28" customFormat="1" ht="30.75" customHeight="1" x14ac:dyDescent="0.25">
      <c r="A866" s="121" t="s">
        <v>633</v>
      </c>
      <c r="B866" s="122"/>
      <c r="C866" s="48"/>
      <c r="D866" s="48"/>
      <c r="E866" s="49"/>
    </row>
    <row r="867" spans="1:6" s="4" customFormat="1" ht="30" customHeight="1" thickBot="1" x14ac:dyDescent="0.3">
      <c r="A867" s="58">
        <v>44570</v>
      </c>
      <c r="B867" s="100" t="s">
        <v>634</v>
      </c>
      <c r="C867" s="51"/>
      <c r="D867" s="147"/>
      <c r="E867" s="148"/>
    </row>
    <row r="868" spans="1:6" s="28" customFormat="1" ht="30.75" customHeight="1" x14ac:dyDescent="0.25">
      <c r="A868" s="121" t="s">
        <v>635</v>
      </c>
      <c r="B868" s="122"/>
      <c r="C868" s="122"/>
      <c r="D868" s="122"/>
      <c r="E868" s="123"/>
    </row>
    <row r="869" spans="1:6" s="4" customFormat="1" ht="50.1" customHeight="1" thickBot="1" x14ac:dyDescent="0.3">
      <c r="A869" s="86">
        <v>44571</v>
      </c>
      <c r="B869" s="87" t="s">
        <v>636</v>
      </c>
      <c r="C869" s="85"/>
      <c r="D869" s="149"/>
      <c r="E869" s="150"/>
    </row>
    <row r="870" spans="1:6" s="28" customFormat="1" ht="30.75" customHeight="1" x14ac:dyDescent="0.25">
      <c r="A870" s="121" t="s">
        <v>637</v>
      </c>
      <c r="B870" s="122"/>
      <c r="C870" s="122"/>
      <c r="D870" s="122"/>
      <c r="E870" s="123"/>
    </row>
    <row r="871" spans="1:6" s="4" customFormat="1" ht="30" customHeight="1" thickBot="1" x14ac:dyDescent="0.3">
      <c r="A871" s="86">
        <v>44572</v>
      </c>
      <c r="B871" s="87" t="s">
        <v>876</v>
      </c>
      <c r="C871" s="85"/>
      <c r="D871" s="149"/>
      <c r="E871" s="150"/>
    </row>
    <row r="872" spans="1:6" s="3" customFormat="1" ht="20.100000000000001" customHeight="1" x14ac:dyDescent="0.25">
      <c r="A872" s="5"/>
      <c r="B872" s="5"/>
      <c r="C872" s="7"/>
      <c r="D872" s="7"/>
      <c r="E872" s="29"/>
    </row>
    <row r="873" spans="1:6" s="2" customFormat="1" ht="30" customHeight="1" thickBot="1" x14ac:dyDescent="0.3">
      <c r="A873" s="133" t="s">
        <v>638</v>
      </c>
      <c r="B873" s="134"/>
      <c r="C873" s="134"/>
      <c r="D873" s="134"/>
      <c r="E873" s="134"/>
    </row>
    <row r="874" spans="1:6" s="3" customFormat="1" ht="93" customHeight="1" x14ac:dyDescent="0.25">
      <c r="A874" s="135" t="s">
        <v>0</v>
      </c>
      <c r="B874" s="136"/>
      <c r="C874" s="139" t="s">
        <v>24</v>
      </c>
      <c r="D874" s="140"/>
      <c r="E874" s="141"/>
      <c r="F874" s="26"/>
    </row>
    <row r="875" spans="1:6" s="3" customFormat="1" ht="30" customHeight="1" thickBot="1" x14ac:dyDescent="0.3">
      <c r="A875" s="137"/>
      <c r="B875" s="138"/>
      <c r="C875" s="27" t="s">
        <v>25</v>
      </c>
      <c r="D875" s="142" t="s">
        <v>26</v>
      </c>
      <c r="E875" s="143"/>
    </row>
    <row r="876" spans="1:6" s="3" customFormat="1" ht="50.1" customHeight="1" thickBot="1" x14ac:dyDescent="0.3">
      <c r="A876" s="144" t="s">
        <v>877</v>
      </c>
      <c r="B876" s="145"/>
      <c r="C876" s="145"/>
      <c r="D876" s="145"/>
      <c r="E876" s="146"/>
    </row>
    <row r="877" spans="1:6" s="28" customFormat="1" ht="30.75" customHeight="1" x14ac:dyDescent="0.25">
      <c r="A877" s="121" t="s">
        <v>639</v>
      </c>
      <c r="B877" s="122"/>
      <c r="C877" s="48"/>
      <c r="D877" s="48"/>
      <c r="E877" s="49"/>
    </row>
    <row r="878" spans="1:6" s="4" customFormat="1" ht="60" customHeight="1" thickBot="1" x14ac:dyDescent="0.3">
      <c r="A878" s="56" t="s">
        <v>91</v>
      </c>
      <c r="B878" s="57" t="s">
        <v>878</v>
      </c>
      <c r="C878" s="51"/>
      <c r="D878" s="147"/>
      <c r="E878" s="148"/>
    </row>
    <row r="879" spans="1:6" s="28" customFormat="1" ht="30.75" customHeight="1" x14ac:dyDescent="0.25">
      <c r="A879" s="121" t="s">
        <v>640</v>
      </c>
      <c r="B879" s="122"/>
      <c r="C879" s="48"/>
      <c r="D879" s="48"/>
      <c r="E879" s="49"/>
    </row>
    <row r="880" spans="1:6" s="4" customFormat="1" ht="50.1" customHeight="1" thickBot="1" x14ac:dyDescent="0.3">
      <c r="A880" s="58">
        <v>44563</v>
      </c>
      <c r="B880" s="99" t="s">
        <v>879</v>
      </c>
      <c r="C880" s="51"/>
      <c r="D880" s="147"/>
      <c r="E880" s="148"/>
    </row>
    <row r="881" spans="1:6" s="28" customFormat="1" ht="30.75" customHeight="1" x14ac:dyDescent="0.25">
      <c r="A881" s="121" t="s">
        <v>641</v>
      </c>
      <c r="B881" s="122"/>
      <c r="C881" s="48"/>
      <c r="D881" s="48"/>
      <c r="E881" s="49"/>
    </row>
    <row r="882" spans="1:6" s="4" customFormat="1" ht="50.1" customHeight="1" thickBot="1" x14ac:dyDescent="0.3">
      <c r="A882" s="58">
        <v>44564</v>
      </c>
      <c r="B882" s="99" t="s">
        <v>880</v>
      </c>
      <c r="C882" s="51"/>
      <c r="D882" s="147"/>
      <c r="E882" s="148"/>
    </row>
    <row r="883" spans="1:6" s="28" customFormat="1" ht="30.75" customHeight="1" x14ac:dyDescent="0.25">
      <c r="A883" s="121" t="s">
        <v>642</v>
      </c>
      <c r="B883" s="122"/>
      <c r="C883" s="48"/>
      <c r="D883" s="48"/>
      <c r="E883" s="49"/>
    </row>
    <row r="884" spans="1:6" s="4" customFormat="1" ht="60" customHeight="1" thickBot="1" x14ac:dyDescent="0.3">
      <c r="A884" s="58">
        <v>44565</v>
      </c>
      <c r="B884" s="57" t="s">
        <v>643</v>
      </c>
      <c r="C884" s="51"/>
      <c r="D884" s="147"/>
      <c r="E884" s="148"/>
    </row>
    <row r="885" spans="1:6" s="28" customFormat="1" ht="30.75" customHeight="1" x14ac:dyDescent="0.25">
      <c r="A885" s="121" t="s">
        <v>644</v>
      </c>
      <c r="B885" s="122"/>
      <c r="C885" s="48"/>
      <c r="D885" s="48"/>
      <c r="E885" s="49"/>
    </row>
    <row r="886" spans="1:6" s="4" customFormat="1" ht="60" customHeight="1" thickBot="1" x14ac:dyDescent="0.3">
      <c r="A886" s="86">
        <v>44566</v>
      </c>
      <c r="B886" s="87" t="s">
        <v>645</v>
      </c>
      <c r="C886" s="85"/>
      <c r="D886" s="149"/>
      <c r="E886" s="150"/>
    </row>
    <row r="887" spans="1:6" s="3" customFormat="1" ht="20.100000000000001" customHeight="1" x14ac:dyDescent="0.25">
      <c r="A887" s="5"/>
      <c r="B887" s="5"/>
      <c r="C887" s="7"/>
      <c r="D887" s="7"/>
      <c r="E887" s="29"/>
    </row>
    <row r="888" spans="1:6" s="2" customFormat="1" ht="30" customHeight="1" thickBot="1" x14ac:dyDescent="0.3">
      <c r="A888" s="133" t="s">
        <v>651</v>
      </c>
      <c r="B888" s="134"/>
      <c r="C888" s="134"/>
      <c r="D888" s="134"/>
      <c r="E888" s="134"/>
    </row>
    <row r="889" spans="1:6" s="3" customFormat="1" ht="93" customHeight="1" x14ac:dyDescent="0.25">
      <c r="A889" s="135" t="s">
        <v>0</v>
      </c>
      <c r="B889" s="136"/>
      <c r="C889" s="139" t="s">
        <v>24</v>
      </c>
      <c r="D889" s="140"/>
      <c r="E889" s="141"/>
      <c r="F889" s="26"/>
    </row>
    <row r="890" spans="1:6" s="3" customFormat="1" ht="30" customHeight="1" thickBot="1" x14ac:dyDescent="0.3">
      <c r="A890" s="137"/>
      <c r="B890" s="138"/>
      <c r="C890" s="27" t="s">
        <v>25</v>
      </c>
      <c r="D890" s="142" t="s">
        <v>26</v>
      </c>
      <c r="E890" s="143"/>
    </row>
    <row r="891" spans="1:6" s="3" customFormat="1" ht="60" customHeight="1" thickBot="1" x14ac:dyDescent="0.3">
      <c r="A891" s="144" t="s">
        <v>658</v>
      </c>
      <c r="B891" s="145"/>
      <c r="C891" s="145"/>
      <c r="D891" s="145"/>
      <c r="E891" s="146"/>
    </row>
    <row r="892" spans="1:6" s="28" customFormat="1" ht="30.75" customHeight="1" x14ac:dyDescent="0.25">
      <c r="A892" s="121" t="s">
        <v>659</v>
      </c>
      <c r="B892" s="122"/>
      <c r="C892" s="48"/>
      <c r="D892" s="48"/>
      <c r="E892" s="49"/>
    </row>
    <row r="893" spans="1:6" s="4" customFormat="1" ht="60" customHeight="1" thickBot="1" x14ac:dyDescent="0.3">
      <c r="A893" s="56" t="s">
        <v>91</v>
      </c>
      <c r="B893" s="57" t="s">
        <v>881</v>
      </c>
      <c r="C893" s="51"/>
      <c r="D893" s="147"/>
      <c r="E893" s="148"/>
    </row>
    <row r="894" spans="1:6" s="28" customFormat="1" ht="30.75" customHeight="1" x14ac:dyDescent="0.25">
      <c r="A894" s="121" t="s">
        <v>660</v>
      </c>
      <c r="B894" s="122"/>
      <c r="C894" s="48"/>
      <c r="D894" s="48"/>
      <c r="E894" s="49"/>
    </row>
    <row r="895" spans="1:6" s="4" customFormat="1" ht="60" customHeight="1" thickBot="1" x14ac:dyDescent="0.3">
      <c r="A895" s="58">
        <v>44563</v>
      </c>
      <c r="B895" s="57" t="s">
        <v>882</v>
      </c>
      <c r="C895" s="51"/>
      <c r="D895" s="147"/>
      <c r="E895" s="148"/>
    </row>
    <row r="896" spans="1:6" s="28" customFormat="1" ht="30.75" customHeight="1" x14ac:dyDescent="0.25">
      <c r="A896" s="121" t="s">
        <v>661</v>
      </c>
      <c r="B896" s="122"/>
      <c r="C896" s="48"/>
      <c r="D896" s="48"/>
      <c r="E896" s="49"/>
    </row>
    <row r="897" spans="1:6" s="4" customFormat="1" ht="99.95" customHeight="1" thickBot="1" x14ac:dyDescent="0.3">
      <c r="A897" s="58">
        <v>44564</v>
      </c>
      <c r="B897" s="57" t="s">
        <v>662</v>
      </c>
      <c r="C897" s="51"/>
      <c r="D897" s="147"/>
      <c r="E897" s="148"/>
    </row>
    <row r="898" spans="1:6" s="28" customFormat="1" ht="30.75" customHeight="1" x14ac:dyDescent="0.25">
      <c r="A898" s="121" t="s">
        <v>663</v>
      </c>
      <c r="B898" s="122"/>
      <c r="C898" s="48"/>
      <c r="D898" s="48"/>
      <c r="E898" s="49"/>
    </row>
    <row r="899" spans="1:6" s="4" customFormat="1" ht="69.95" customHeight="1" thickBot="1" x14ac:dyDescent="0.3">
      <c r="A899" s="58">
        <v>44565</v>
      </c>
      <c r="B899" s="57" t="s">
        <v>883</v>
      </c>
      <c r="C899" s="51"/>
      <c r="D899" s="147"/>
      <c r="E899" s="148"/>
    </row>
    <row r="900" spans="1:6" s="28" customFormat="1" ht="30.75" customHeight="1" x14ac:dyDescent="0.25">
      <c r="A900" s="121" t="s">
        <v>664</v>
      </c>
      <c r="B900" s="122"/>
      <c r="C900" s="48"/>
      <c r="D900" s="48"/>
      <c r="E900" s="49"/>
    </row>
    <row r="901" spans="1:6" s="4" customFormat="1" ht="129.94999999999999" customHeight="1" thickBot="1" x14ac:dyDescent="0.3">
      <c r="A901" s="58">
        <v>44566</v>
      </c>
      <c r="B901" s="57" t="s">
        <v>884</v>
      </c>
      <c r="C901" s="51"/>
      <c r="D901" s="147"/>
      <c r="E901" s="148"/>
    </row>
    <row r="902" spans="1:6" s="28" customFormat="1" ht="30.75" customHeight="1" x14ac:dyDescent="0.25">
      <c r="A902" s="121" t="s">
        <v>665</v>
      </c>
      <c r="B902" s="122"/>
      <c r="C902" s="48"/>
      <c r="D902" s="48"/>
      <c r="E902" s="49"/>
    </row>
    <row r="903" spans="1:6" s="4" customFormat="1" ht="69.95" customHeight="1" thickBot="1" x14ac:dyDescent="0.3">
      <c r="A903" s="86">
        <v>44567</v>
      </c>
      <c r="B903" s="87" t="s">
        <v>885</v>
      </c>
      <c r="C903" s="85"/>
      <c r="D903" s="149"/>
      <c r="E903" s="150"/>
    </row>
    <row r="904" spans="1:6" s="3" customFormat="1" ht="20.100000000000001" customHeight="1" x14ac:dyDescent="0.25">
      <c r="A904" s="5"/>
      <c r="B904" s="5"/>
      <c r="C904" s="7"/>
      <c r="D904" s="7"/>
      <c r="E904" s="29"/>
    </row>
    <row r="905" spans="1:6" s="2" customFormat="1" ht="30" customHeight="1" thickBot="1" x14ac:dyDescent="0.3">
      <c r="A905" s="133" t="s">
        <v>666</v>
      </c>
      <c r="B905" s="134"/>
      <c r="C905" s="134"/>
      <c r="D905" s="134"/>
      <c r="E905" s="134"/>
    </row>
    <row r="906" spans="1:6" s="3" customFormat="1" ht="93" customHeight="1" x14ac:dyDescent="0.25">
      <c r="A906" s="135" t="s">
        <v>0</v>
      </c>
      <c r="B906" s="136"/>
      <c r="C906" s="139" t="s">
        <v>24</v>
      </c>
      <c r="D906" s="140"/>
      <c r="E906" s="141"/>
      <c r="F906" s="26"/>
    </row>
    <row r="907" spans="1:6" s="3" customFormat="1" ht="30" customHeight="1" thickBot="1" x14ac:dyDescent="0.3">
      <c r="A907" s="137"/>
      <c r="B907" s="138"/>
      <c r="C907" s="27" t="s">
        <v>25</v>
      </c>
      <c r="D907" s="142" t="s">
        <v>26</v>
      </c>
      <c r="E907" s="143"/>
    </row>
    <row r="908" spans="1:6" s="3" customFormat="1" ht="50.1" customHeight="1" thickBot="1" x14ac:dyDescent="0.3">
      <c r="A908" s="144" t="s">
        <v>886</v>
      </c>
      <c r="B908" s="145"/>
      <c r="C908" s="145"/>
      <c r="D908" s="145"/>
      <c r="E908" s="146"/>
    </row>
    <row r="909" spans="1:6" s="28" customFormat="1" ht="30.75" customHeight="1" x14ac:dyDescent="0.25">
      <c r="A909" s="121" t="s">
        <v>667</v>
      </c>
      <c r="B909" s="122"/>
      <c r="C909" s="48"/>
      <c r="D909" s="48"/>
      <c r="E909" s="49"/>
    </row>
    <row r="910" spans="1:6" s="4" customFormat="1" ht="30" customHeight="1" x14ac:dyDescent="0.25">
      <c r="A910" s="56" t="s">
        <v>91</v>
      </c>
      <c r="B910" s="57" t="s">
        <v>668</v>
      </c>
      <c r="C910" s="51"/>
      <c r="D910" s="156"/>
      <c r="E910" s="157"/>
    </row>
    <row r="911" spans="1:6" s="4" customFormat="1" ht="30" customHeight="1" x14ac:dyDescent="0.25">
      <c r="A911" s="58">
        <v>44593</v>
      </c>
      <c r="B911" s="57" t="s">
        <v>669</v>
      </c>
      <c r="C911" s="51"/>
      <c r="D911" s="160"/>
      <c r="E911" s="161"/>
    </row>
    <row r="912" spans="1:6" s="4" customFormat="1" ht="30" customHeight="1" x14ac:dyDescent="0.25">
      <c r="A912" s="58">
        <v>44621</v>
      </c>
      <c r="B912" s="57" t="s">
        <v>670</v>
      </c>
      <c r="C912" s="51"/>
      <c r="D912" s="160"/>
      <c r="E912" s="161"/>
    </row>
    <row r="913" spans="1:5" s="4" customFormat="1" ht="30" customHeight="1" x14ac:dyDescent="0.25">
      <c r="A913" s="58">
        <v>44652</v>
      </c>
      <c r="B913" s="57" t="s">
        <v>671</v>
      </c>
      <c r="C913" s="51"/>
      <c r="D913" s="160"/>
      <c r="E913" s="161"/>
    </row>
    <row r="914" spans="1:5" s="4" customFormat="1" ht="30" customHeight="1" x14ac:dyDescent="0.25">
      <c r="A914" s="58">
        <v>44682</v>
      </c>
      <c r="B914" s="57" t="s">
        <v>672</v>
      </c>
      <c r="C914" s="51"/>
      <c r="D914" s="160"/>
      <c r="E914" s="161"/>
    </row>
    <row r="915" spans="1:5" s="4" customFormat="1" ht="30" customHeight="1" x14ac:dyDescent="0.25">
      <c r="A915" s="58">
        <v>44713</v>
      </c>
      <c r="B915" s="57" t="s">
        <v>673</v>
      </c>
      <c r="C915" s="51"/>
      <c r="D915" s="160"/>
      <c r="E915" s="161"/>
    </row>
    <row r="916" spans="1:5" s="4" customFormat="1" ht="30" customHeight="1" x14ac:dyDescent="0.25">
      <c r="A916" s="58">
        <v>44743</v>
      </c>
      <c r="B916" s="57" t="s">
        <v>674</v>
      </c>
      <c r="C916" s="51"/>
      <c r="D916" s="160"/>
      <c r="E916" s="161"/>
    </row>
    <row r="917" spans="1:5" s="4" customFormat="1" ht="30" customHeight="1" thickBot="1" x14ac:dyDescent="0.3">
      <c r="A917" s="58">
        <v>44774</v>
      </c>
      <c r="B917" s="57" t="s">
        <v>675</v>
      </c>
      <c r="C917" s="51"/>
      <c r="D917" s="158"/>
      <c r="E917" s="159"/>
    </row>
    <row r="918" spans="1:5" s="28" customFormat="1" ht="30.75" customHeight="1" x14ac:dyDescent="0.25">
      <c r="A918" s="121" t="s">
        <v>676</v>
      </c>
      <c r="B918" s="122"/>
      <c r="C918" s="48"/>
      <c r="D918" s="48"/>
      <c r="E918" s="49"/>
    </row>
    <row r="919" spans="1:5" s="4" customFormat="1" ht="30" customHeight="1" x14ac:dyDescent="0.25">
      <c r="A919" s="58">
        <v>44563</v>
      </c>
      <c r="B919" s="57" t="s">
        <v>677</v>
      </c>
      <c r="C919" s="51"/>
      <c r="D919" s="156"/>
      <c r="E919" s="157"/>
    </row>
    <row r="920" spans="1:5" s="4" customFormat="1" ht="30" customHeight="1" x14ac:dyDescent="0.25">
      <c r="A920" s="58">
        <v>44594</v>
      </c>
      <c r="B920" s="57" t="s">
        <v>678</v>
      </c>
      <c r="C920" s="51"/>
      <c r="D920" s="160"/>
      <c r="E920" s="161"/>
    </row>
    <row r="921" spans="1:5" s="4" customFormat="1" ht="30" customHeight="1" x14ac:dyDescent="0.25">
      <c r="A921" s="58">
        <v>44622</v>
      </c>
      <c r="B921" s="57" t="s">
        <v>679</v>
      </c>
      <c r="C921" s="51"/>
      <c r="D921" s="160"/>
      <c r="E921" s="161"/>
    </row>
    <row r="922" spans="1:5" s="4" customFormat="1" ht="30" customHeight="1" x14ac:dyDescent="0.25">
      <c r="A922" s="58">
        <v>44653</v>
      </c>
      <c r="B922" s="57" t="s">
        <v>887</v>
      </c>
      <c r="C922" s="51"/>
      <c r="D922" s="160"/>
      <c r="E922" s="161"/>
    </row>
    <row r="923" spans="1:5" s="4" customFormat="1" ht="50.1" customHeight="1" thickBot="1" x14ac:dyDescent="0.3">
      <c r="A923" s="58">
        <v>44683</v>
      </c>
      <c r="B923" s="57" t="s">
        <v>888</v>
      </c>
      <c r="C923" s="51"/>
      <c r="D923" s="158"/>
      <c r="E923" s="159"/>
    </row>
    <row r="924" spans="1:5" s="28" customFormat="1" ht="30.75" customHeight="1" x14ac:dyDescent="0.25">
      <c r="A924" s="121" t="s">
        <v>680</v>
      </c>
      <c r="B924" s="122"/>
      <c r="C924" s="48"/>
      <c r="D924" s="48"/>
      <c r="E924" s="49"/>
    </row>
    <row r="925" spans="1:5" s="4" customFormat="1" ht="30" customHeight="1" x14ac:dyDescent="0.25">
      <c r="A925" s="58">
        <v>44564</v>
      </c>
      <c r="B925" s="57" t="s">
        <v>681</v>
      </c>
      <c r="C925" s="51"/>
      <c r="D925" s="156"/>
      <c r="E925" s="157"/>
    </row>
    <row r="926" spans="1:5" s="4" customFormat="1" ht="30" customHeight="1" x14ac:dyDescent="0.25">
      <c r="A926" s="58">
        <v>44595</v>
      </c>
      <c r="B926" s="57" t="s">
        <v>682</v>
      </c>
      <c r="C926" s="51"/>
      <c r="D926" s="160"/>
      <c r="E926" s="161"/>
    </row>
    <row r="927" spans="1:5" s="4" customFormat="1" ht="30" customHeight="1" x14ac:dyDescent="0.25">
      <c r="A927" s="58">
        <v>44623</v>
      </c>
      <c r="B927" s="57" t="s">
        <v>683</v>
      </c>
      <c r="C927" s="51"/>
      <c r="D927" s="160"/>
      <c r="E927" s="161"/>
    </row>
    <row r="928" spans="1:5" s="4" customFormat="1" ht="30" customHeight="1" x14ac:dyDescent="0.25">
      <c r="A928" s="58">
        <v>44654</v>
      </c>
      <c r="B928" s="57" t="s">
        <v>684</v>
      </c>
      <c r="C928" s="51"/>
      <c r="D928" s="160"/>
      <c r="E928" s="161"/>
    </row>
    <row r="929" spans="1:5" s="4" customFormat="1" ht="30" customHeight="1" thickBot="1" x14ac:dyDescent="0.3">
      <c r="A929" s="88">
        <v>44684</v>
      </c>
      <c r="B929" s="89" t="s">
        <v>685</v>
      </c>
      <c r="C929" s="85"/>
      <c r="D929" s="158"/>
      <c r="E929" s="159"/>
    </row>
    <row r="930" spans="1:5" s="28" customFormat="1" ht="30.75" customHeight="1" x14ac:dyDescent="0.25">
      <c r="A930" s="121" t="s">
        <v>686</v>
      </c>
      <c r="B930" s="122"/>
      <c r="C930" s="48"/>
      <c r="D930" s="48"/>
      <c r="E930" s="49"/>
    </row>
    <row r="931" spans="1:5" s="4" customFormat="1" ht="30" customHeight="1" x14ac:dyDescent="0.25">
      <c r="A931" s="58">
        <v>44565</v>
      </c>
      <c r="B931" s="57" t="s">
        <v>889</v>
      </c>
      <c r="C931" s="51"/>
      <c r="D931" s="156"/>
      <c r="E931" s="157"/>
    </row>
    <row r="932" spans="1:5" s="4" customFormat="1" ht="30" customHeight="1" x14ac:dyDescent="0.25">
      <c r="A932" s="58">
        <v>44596</v>
      </c>
      <c r="B932" s="57" t="s">
        <v>890</v>
      </c>
      <c r="C932" s="51"/>
      <c r="D932" s="160"/>
      <c r="E932" s="161"/>
    </row>
    <row r="933" spans="1:5" s="4" customFormat="1" ht="30" customHeight="1" x14ac:dyDescent="0.25">
      <c r="A933" s="58">
        <v>44624</v>
      </c>
      <c r="B933" s="57" t="s">
        <v>891</v>
      </c>
      <c r="C933" s="51"/>
      <c r="D933" s="160"/>
      <c r="E933" s="161"/>
    </row>
    <row r="934" spans="1:5" s="4" customFormat="1" ht="30" customHeight="1" x14ac:dyDescent="0.25">
      <c r="A934" s="58">
        <v>44655</v>
      </c>
      <c r="B934" s="57" t="s">
        <v>687</v>
      </c>
      <c r="C934" s="51"/>
      <c r="D934" s="160"/>
      <c r="E934" s="161"/>
    </row>
    <row r="935" spans="1:5" s="4" customFormat="1" ht="30" customHeight="1" x14ac:dyDescent="0.25">
      <c r="A935" s="58">
        <v>44685</v>
      </c>
      <c r="B935" s="57" t="s">
        <v>688</v>
      </c>
      <c r="C935" s="51"/>
      <c r="D935" s="160"/>
      <c r="E935" s="161"/>
    </row>
    <row r="936" spans="1:5" s="4" customFormat="1" ht="30" customHeight="1" x14ac:dyDescent="0.25">
      <c r="A936" s="58">
        <v>44716</v>
      </c>
      <c r="B936" s="57" t="s">
        <v>892</v>
      </c>
      <c r="C936" s="51"/>
      <c r="D936" s="160"/>
      <c r="E936" s="161"/>
    </row>
    <row r="937" spans="1:5" s="4" customFormat="1" ht="30" customHeight="1" thickBot="1" x14ac:dyDescent="0.3">
      <c r="A937" s="58">
        <v>44746</v>
      </c>
      <c r="B937" s="57" t="s">
        <v>893</v>
      </c>
      <c r="C937" s="51"/>
      <c r="D937" s="158"/>
      <c r="E937" s="159"/>
    </row>
    <row r="938" spans="1:5" s="28" customFormat="1" ht="30.75" customHeight="1" x14ac:dyDescent="0.25">
      <c r="A938" s="121" t="s">
        <v>689</v>
      </c>
      <c r="B938" s="122"/>
      <c r="C938" s="48"/>
      <c r="D938" s="48"/>
      <c r="E938" s="49"/>
    </row>
    <row r="939" spans="1:5" s="4" customFormat="1" ht="30" customHeight="1" x14ac:dyDescent="0.25">
      <c r="A939" s="58">
        <v>44566</v>
      </c>
      <c r="B939" s="57" t="s">
        <v>690</v>
      </c>
      <c r="C939" s="51"/>
      <c r="D939" s="156"/>
      <c r="E939" s="157"/>
    </row>
    <row r="940" spans="1:5" s="4" customFormat="1" ht="50.1" customHeight="1" x14ac:dyDescent="0.25">
      <c r="A940" s="58">
        <v>44597</v>
      </c>
      <c r="B940" s="57" t="s">
        <v>691</v>
      </c>
      <c r="C940" s="51"/>
      <c r="D940" s="160"/>
      <c r="E940" s="161"/>
    </row>
    <row r="941" spans="1:5" s="4" customFormat="1" ht="30" customHeight="1" x14ac:dyDescent="0.25">
      <c r="A941" s="58">
        <v>44625</v>
      </c>
      <c r="B941" s="57" t="s">
        <v>692</v>
      </c>
      <c r="C941" s="51"/>
      <c r="D941" s="160"/>
      <c r="E941" s="161"/>
    </row>
    <row r="942" spans="1:5" s="4" customFormat="1" ht="30" customHeight="1" thickBot="1" x14ac:dyDescent="0.3">
      <c r="A942" s="58">
        <v>44656</v>
      </c>
      <c r="B942" s="57" t="s">
        <v>693</v>
      </c>
      <c r="C942" s="51"/>
      <c r="D942" s="158"/>
      <c r="E942" s="159"/>
    </row>
    <row r="943" spans="1:5" s="28" customFormat="1" ht="30.75" customHeight="1" x14ac:dyDescent="0.25">
      <c r="A943" s="121" t="s">
        <v>694</v>
      </c>
      <c r="B943" s="122"/>
      <c r="C943" s="48"/>
      <c r="D943" s="48"/>
      <c r="E943" s="49"/>
    </row>
    <row r="944" spans="1:5" s="4" customFormat="1" ht="30" customHeight="1" x14ac:dyDescent="0.25">
      <c r="A944" s="58">
        <v>44567</v>
      </c>
      <c r="B944" s="57" t="s">
        <v>894</v>
      </c>
      <c r="C944" s="51"/>
      <c r="D944" s="156"/>
      <c r="E944" s="157"/>
    </row>
    <row r="945" spans="1:6" s="4" customFormat="1" ht="30" customHeight="1" x14ac:dyDescent="0.25">
      <c r="A945" s="58">
        <v>44598</v>
      </c>
      <c r="B945" s="57" t="s">
        <v>696</v>
      </c>
      <c r="C945" s="51"/>
      <c r="D945" s="160"/>
      <c r="E945" s="161"/>
    </row>
    <row r="946" spans="1:6" s="4" customFormat="1" ht="50.1" customHeight="1" x14ac:dyDescent="0.25">
      <c r="A946" s="58">
        <v>44626</v>
      </c>
      <c r="B946" s="57" t="s">
        <v>697</v>
      </c>
      <c r="C946" s="51"/>
      <c r="D946" s="160"/>
      <c r="E946" s="161"/>
    </row>
    <row r="947" spans="1:6" s="4" customFormat="1" ht="30" customHeight="1" x14ac:dyDescent="0.25">
      <c r="A947" s="58">
        <v>44657</v>
      </c>
      <c r="B947" s="57" t="s">
        <v>698</v>
      </c>
      <c r="C947" s="51"/>
      <c r="D947" s="160"/>
      <c r="E947" s="161"/>
    </row>
    <row r="948" spans="1:6" s="4" customFormat="1" ht="30" customHeight="1" x14ac:dyDescent="0.25">
      <c r="A948" s="58">
        <v>44687</v>
      </c>
      <c r="B948" s="57" t="s">
        <v>895</v>
      </c>
      <c r="C948" s="51"/>
      <c r="D948" s="160"/>
      <c r="E948" s="161"/>
    </row>
    <row r="949" spans="1:6" s="4" customFormat="1" ht="30" customHeight="1" thickBot="1" x14ac:dyDescent="0.3">
      <c r="A949" s="88">
        <v>44718</v>
      </c>
      <c r="B949" s="89" t="s">
        <v>695</v>
      </c>
      <c r="C949" s="85"/>
      <c r="D949" s="158"/>
      <c r="E949" s="159"/>
    </row>
    <row r="950" spans="1:6" s="3" customFormat="1" ht="20.100000000000001" customHeight="1" x14ac:dyDescent="0.25">
      <c r="A950" s="5"/>
      <c r="B950" s="5"/>
      <c r="C950" s="7"/>
      <c r="D950" s="7"/>
      <c r="E950" s="29"/>
    </row>
    <row r="951" spans="1:6" s="2" customFormat="1" ht="30" customHeight="1" thickBot="1" x14ac:dyDescent="0.3">
      <c r="A951" s="133" t="s">
        <v>705</v>
      </c>
      <c r="B951" s="134"/>
      <c r="C951" s="134"/>
      <c r="D951" s="134"/>
      <c r="E951" s="134"/>
    </row>
    <row r="952" spans="1:6" s="3" customFormat="1" ht="93" customHeight="1" x14ac:dyDescent="0.25">
      <c r="A952" s="135" t="s">
        <v>0</v>
      </c>
      <c r="B952" s="136"/>
      <c r="C952" s="139" t="s">
        <v>24</v>
      </c>
      <c r="D952" s="140"/>
      <c r="E952" s="141"/>
      <c r="F952" s="26"/>
    </row>
    <row r="953" spans="1:6" s="3" customFormat="1" ht="30" customHeight="1" thickBot="1" x14ac:dyDescent="0.3">
      <c r="A953" s="137"/>
      <c r="B953" s="138"/>
      <c r="C953" s="27" t="s">
        <v>25</v>
      </c>
      <c r="D953" s="142" t="s">
        <v>26</v>
      </c>
      <c r="E953" s="143"/>
    </row>
    <row r="954" spans="1:6" s="3" customFormat="1" ht="50.1" customHeight="1" thickBot="1" x14ac:dyDescent="0.3">
      <c r="A954" s="144" t="s">
        <v>949</v>
      </c>
      <c r="B954" s="145"/>
      <c r="C954" s="145"/>
      <c r="D954" s="145"/>
      <c r="E954" s="146"/>
    </row>
    <row r="955" spans="1:6" s="28" customFormat="1" ht="30.75" customHeight="1" x14ac:dyDescent="0.25">
      <c r="A955" s="121" t="s">
        <v>950</v>
      </c>
      <c r="B955" s="122"/>
      <c r="C955" s="48"/>
      <c r="D955" s="48"/>
      <c r="E955" s="49"/>
    </row>
    <row r="956" spans="1:6" s="4" customFormat="1" ht="80.099999999999994" customHeight="1" thickBot="1" x14ac:dyDescent="0.3">
      <c r="A956" s="90" t="s">
        <v>91</v>
      </c>
      <c r="B956" s="219" t="s">
        <v>948</v>
      </c>
      <c r="C956" s="85"/>
      <c r="D956" s="149"/>
      <c r="E956" s="150"/>
    </row>
    <row r="957" spans="1:6" s="3" customFormat="1" ht="20.100000000000001" customHeight="1" x14ac:dyDescent="0.25">
      <c r="A957" s="5"/>
      <c r="B957" s="5"/>
      <c r="C957" s="7"/>
      <c r="D957" s="7"/>
      <c r="E957" s="29"/>
    </row>
    <row r="958" spans="1:6" s="2" customFormat="1" ht="30" customHeight="1" thickBot="1" x14ac:dyDescent="0.3">
      <c r="A958" s="133" t="s">
        <v>706</v>
      </c>
      <c r="B958" s="134"/>
      <c r="C958" s="134"/>
      <c r="D958" s="134"/>
      <c r="E958" s="134"/>
    </row>
    <row r="959" spans="1:6" s="3" customFormat="1" ht="93" customHeight="1" x14ac:dyDescent="0.25">
      <c r="A959" s="135" t="s">
        <v>0</v>
      </c>
      <c r="B959" s="136"/>
      <c r="C959" s="139" t="s">
        <v>24</v>
      </c>
      <c r="D959" s="140"/>
      <c r="E959" s="141"/>
      <c r="F959" s="26"/>
    </row>
    <row r="960" spans="1:6" s="3" customFormat="1" ht="30" customHeight="1" thickBot="1" x14ac:dyDescent="0.3">
      <c r="A960" s="137"/>
      <c r="B960" s="138"/>
      <c r="C960" s="27" t="s">
        <v>25</v>
      </c>
      <c r="D960" s="142" t="s">
        <v>26</v>
      </c>
      <c r="E960" s="143"/>
    </row>
    <row r="961" spans="1:6" s="3" customFormat="1" ht="30" customHeight="1" thickBot="1" x14ac:dyDescent="0.3">
      <c r="A961" s="144" t="s">
        <v>951</v>
      </c>
      <c r="B961" s="145"/>
      <c r="C961" s="145"/>
      <c r="D961" s="145"/>
      <c r="E961" s="146"/>
    </row>
    <row r="962" spans="1:6" s="28" customFormat="1" ht="30.75" customHeight="1" x14ac:dyDescent="0.25">
      <c r="A962" s="121" t="s">
        <v>708</v>
      </c>
      <c r="B962" s="122"/>
      <c r="C962" s="48"/>
      <c r="D962" s="48"/>
      <c r="E962" s="49"/>
    </row>
    <row r="963" spans="1:6" s="4" customFormat="1" ht="30" customHeight="1" x14ac:dyDescent="0.25">
      <c r="A963" s="56" t="s">
        <v>91</v>
      </c>
      <c r="B963" s="220" t="s">
        <v>952</v>
      </c>
      <c r="C963" s="51"/>
      <c r="D963" s="156"/>
      <c r="E963" s="157"/>
    </row>
    <row r="964" spans="1:6" s="4" customFormat="1" ht="30" customHeight="1" thickBot="1" x14ac:dyDescent="0.3">
      <c r="A964" s="58">
        <v>44593</v>
      </c>
      <c r="B964" s="220" t="s">
        <v>954</v>
      </c>
      <c r="C964" s="85"/>
      <c r="D964" s="160"/>
      <c r="E964" s="161"/>
    </row>
    <row r="965" spans="1:6" s="4" customFormat="1" ht="60" customHeight="1" thickBot="1" x14ac:dyDescent="0.3">
      <c r="A965" s="94">
        <v>44621</v>
      </c>
      <c r="B965" s="221" t="s">
        <v>953</v>
      </c>
      <c r="C965" s="85"/>
      <c r="D965" s="158"/>
      <c r="E965" s="159"/>
    </row>
    <row r="966" spans="1:6" s="3" customFormat="1" ht="20.100000000000001" customHeight="1" x14ac:dyDescent="0.25">
      <c r="A966" s="5"/>
      <c r="B966" s="5"/>
      <c r="C966" s="7"/>
      <c r="D966" s="7"/>
      <c r="E966" s="29"/>
    </row>
    <row r="967" spans="1:6" s="2" customFormat="1" ht="30" customHeight="1" thickBot="1" x14ac:dyDescent="0.3">
      <c r="A967" s="133" t="s">
        <v>709</v>
      </c>
      <c r="B967" s="134"/>
      <c r="C967" s="134"/>
      <c r="D967" s="134"/>
      <c r="E967" s="134"/>
    </row>
    <row r="968" spans="1:6" s="3" customFormat="1" ht="93" customHeight="1" x14ac:dyDescent="0.25">
      <c r="A968" s="135" t="s">
        <v>0</v>
      </c>
      <c r="B968" s="136"/>
      <c r="C968" s="139" t="s">
        <v>24</v>
      </c>
      <c r="D968" s="140"/>
      <c r="E968" s="141"/>
      <c r="F968" s="26"/>
    </row>
    <row r="969" spans="1:6" s="3" customFormat="1" ht="30" customHeight="1" thickBot="1" x14ac:dyDescent="0.3">
      <c r="A969" s="137"/>
      <c r="B969" s="138"/>
      <c r="C969" s="27" t="s">
        <v>25</v>
      </c>
      <c r="D969" s="142" t="s">
        <v>26</v>
      </c>
      <c r="E969" s="143"/>
    </row>
    <row r="970" spans="1:6" s="3" customFormat="1" ht="30" customHeight="1" thickBot="1" x14ac:dyDescent="0.3">
      <c r="A970" s="144" t="s">
        <v>710</v>
      </c>
      <c r="B970" s="145"/>
      <c r="C970" s="145"/>
      <c r="D970" s="145"/>
      <c r="E970" s="146"/>
    </row>
    <row r="971" spans="1:6" s="28" customFormat="1" ht="30.75" customHeight="1" x14ac:dyDescent="0.25">
      <c r="A971" s="121" t="s">
        <v>711</v>
      </c>
      <c r="B971" s="122"/>
      <c r="C971" s="48"/>
      <c r="D971" s="48"/>
      <c r="E971" s="49"/>
    </row>
    <row r="972" spans="1:6" s="4" customFormat="1" ht="60" customHeight="1" thickBot="1" x14ac:dyDescent="0.3">
      <c r="A972" s="90" t="s">
        <v>91</v>
      </c>
      <c r="B972" s="87" t="s">
        <v>896</v>
      </c>
      <c r="C972" s="85"/>
      <c r="D972" s="149"/>
      <c r="E972" s="150"/>
    </row>
    <row r="973" spans="1:6" s="3" customFormat="1" ht="20.100000000000001" customHeight="1" x14ac:dyDescent="0.25">
      <c r="A973" s="5"/>
      <c r="B973" s="5"/>
      <c r="C973" s="7"/>
      <c r="D973" s="7"/>
      <c r="E973" s="29"/>
    </row>
    <row r="974" spans="1:6" s="2" customFormat="1" ht="30" customHeight="1" thickBot="1" x14ac:dyDescent="0.3">
      <c r="A974" s="133" t="s">
        <v>715</v>
      </c>
      <c r="B974" s="134"/>
      <c r="C974" s="134"/>
      <c r="D974" s="134"/>
      <c r="E974" s="134"/>
    </row>
    <row r="975" spans="1:6" s="3" customFormat="1" ht="93" customHeight="1" x14ac:dyDescent="0.25">
      <c r="A975" s="135" t="s">
        <v>0</v>
      </c>
      <c r="B975" s="136"/>
      <c r="C975" s="139" t="s">
        <v>24</v>
      </c>
      <c r="D975" s="140"/>
      <c r="E975" s="141"/>
      <c r="F975" s="26"/>
    </row>
    <row r="976" spans="1:6" s="3" customFormat="1" ht="30" customHeight="1" thickBot="1" x14ac:dyDescent="0.3">
      <c r="A976" s="137"/>
      <c r="B976" s="138"/>
      <c r="C976" s="27" t="s">
        <v>25</v>
      </c>
      <c r="D976" s="142" t="s">
        <v>26</v>
      </c>
      <c r="E976" s="143"/>
    </row>
    <row r="977" spans="1:6" s="3" customFormat="1" ht="30" customHeight="1" thickBot="1" x14ac:dyDescent="0.3">
      <c r="A977" s="144" t="s">
        <v>716</v>
      </c>
      <c r="B977" s="145"/>
      <c r="C977" s="145"/>
      <c r="D977" s="145"/>
      <c r="E977" s="146"/>
    </row>
    <row r="978" spans="1:6" s="28" customFormat="1" ht="30.75" customHeight="1" x14ac:dyDescent="0.25">
      <c r="A978" s="121" t="s">
        <v>717</v>
      </c>
      <c r="B978" s="122"/>
      <c r="C978" s="48"/>
      <c r="D978" s="48"/>
      <c r="E978" s="49"/>
    </row>
    <row r="979" spans="1:6" s="4" customFormat="1" ht="50.1" customHeight="1" x14ac:dyDescent="0.25">
      <c r="A979" s="56" t="s">
        <v>91</v>
      </c>
      <c r="B979" s="57" t="s">
        <v>719</v>
      </c>
      <c r="C979" s="51"/>
      <c r="D979" s="156"/>
      <c r="E979" s="157"/>
    </row>
    <row r="980" spans="1:6" s="4" customFormat="1" ht="30" customHeight="1" thickBot="1" x14ac:dyDescent="0.3">
      <c r="A980" s="88">
        <v>44593</v>
      </c>
      <c r="B980" s="89" t="s">
        <v>718</v>
      </c>
      <c r="C980" s="85"/>
      <c r="D980" s="158"/>
      <c r="E980" s="159"/>
    </row>
    <row r="981" spans="1:6" s="3" customFormat="1" ht="20.100000000000001" customHeight="1" x14ac:dyDescent="0.25">
      <c r="A981" s="5"/>
      <c r="B981" s="5"/>
      <c r="C981" s="7"/>
      <c r="D981" s="7"/>
      <c r="E981" s="29"/>
    </row>
    <row r="982" spans="1:6" s="2" customFormat="1" ht="30" customHeight="1" thickBot="1" x14ac:dyDescent="0.3">
      <c r="A982" s="133" t="s">
        <v>720</v>
      </c>
      <c r="B982" s="134"/>
      <c r="C982" s="134"/>
      <c r="D982" s="134"/>
      <c r="E982" s="134"/>
    </row>
    <row r="983" spans="1:6" s="3" customFormat="1" ht="93" customHeight="1" x14ac:dyDescent="0.25">
      <c r="A983" s="135" t="s">
        <v>0</v>
      </c>
      <c r="B983" s="136"/>
      <c r="C983" s="139" t="s">
        <v>24</v>
      </c>
      <c r="D983" s="140"/>
      <c r="E983" s="141"/>
      <c r="F983" s="26"/>
    </row>
    <row r="984" spans="1:6" s="3" customFormat="1" ht="30" customHeight="1" thickBot="1" x14ac:dyDescent="0.3">
      <c r="A984" s="137"/>
      <c r="B984" s="138"/>
      <c r="C984" s="27" t="s">
        <v>25</v>
      </c>
      <c r="D984" s="142" t="s">
        <v>26</v>
      </c>
      <c r="E984" s="143"/>
    </row>
    <row r="985" spans="1:6" s="3" customFormat="1" ht="30" customHeight="1" thickBot="1" x14ac:dyDescent="0.3">
      <c r="A985" s="144" t="s">
        <v>721</v>
      </c>
      <c r="B985" s="145"/>
      <c r="C985" s="145"/>
      <c r="D985" s="145"/>
      <c r="E985" s="146"/>
    </row>
    <row r="986" spans="1:6" s="28" customFormat="1" ht="30.75" customHeight="1" x14ac:dyDescent="0.25">
      <c r="A986" s="121" t="s">
        <v>731</v>
      </c>
      <c r="B986" s="122"/>
      <c r="C986" s="48"/>
      <c r="D986" s="48"/>
      <c r="E986" s="49"/>
    </row>
    <row r="987" spans="1:6" s="4" customFormat="1" ht="50.1" customHeight="1" x14ac:dyDescent="0.25">
      <c r="A987" s="56" t="s">
        <v>91</v>
      </c>
      <c r="B987" s="57" t="s">
        <v>723</v>
      </c>
      <c r="C987" s="51"/>
      <c r="D987" s="156"/>
      <c r="E987" s="157"/>
    </row>
    <row r="988" spans="1:6" s="4" customFormat="1" ht="30" customHeight="1" thickBot="1" x14ac:dyDescent="0.3">
      <c r="A988" s="88">
        <v>44593</v>
      </c>
      <c r="B988" s="89" t="s">
        <v>722</v>
      </c>
      <c r="C988" s="85"/>
      <c r="D988" s="158"/>
      <c r="E988" s="159"/>
    </row>
    <row r="989" spans="1:6" s="3" customFormat="1" ht="20.100000000000001" customHeight="1" x14ac:dyDescent="0.25">
      <c r="A989" s="5"/>
      <c r="B989" s="5"/>
      <c r="C989" s="7"/>
      <c r="D989" s="7"/>
      <c r="E989" s="29"/>
    </row>
    <row r="990" spans="1:6" s="2" customFormat="1" ht="30" customHeight="1" thickBot="1" x14ac:dyDescent="0.3">
      <c r="A990" s="133" t="s">
        <v>727</v>
      </c>
      <c r="B990" s="134"/>
      <c r="C990" s="134"/>
      <c r="D990" s="134"/>
      <c r="E990" s="134"/>
    </row>
    <row r="991" spans="1:6" s="3" customFormat="1" ht="93" customHeight="1" x14ac:dyDescent="0.25">
      <c r="A991" s="135" t="s">
        <v>0</v>
      </c>
      <c r="B991" s="136"/>
      <c r="C991" s="139" t="s">
        <v>24</v>
      </c>
      <c r="D991" s="140"/>
      <c r="E991" s="141"/>
      <c r="F991" s="26"/>
    </row>
    <row r="992" spans="1:6" s="3" customFormat="1" ht="30" customHeight="1" thickBot="1" x14ac:dyDescent="0.3">
      <c r="A992" s="137"/>
      <c r="B992" s="138"/>
      <c r="C992" s="27" t="s">
        <v>25</v>
      </c>
      <c r="D992" s="142" t="s">
        <v>26</v>
      </c>
      <c r="E992" s="143"/>
    </row>
    <row r="993" spans="1:6" s="3" customFormat="1" ht="30" customHeight="1" thickBot="1" x14ac:dyDescent="0.3">
      <c r="A993" s="144" t="s">
        <v>728</v>
      </c>
      <c r="B993" s="145"/>
      <c r="C993" s="145"/>
      <c r="D993" s="145"/>
      <c r="E993" s="146"/>
    </row>
    <row r="994" spans="1:6" s="28" customFormat="1" ht="30.75" customHeight="1" x14ac:dyDescent="0.25">
      <c r="A994" s="121" t="s">
        <v>729</v>
      </c>
      <c r="B994" s="122"/>
      <c r="C994" s="48"/>
      <c r="D994" s="48"/>
      <c r="E994" s="49"/>
    </row>
    <row r="995" spans="1:6" s="4" customFormat="1" ht="30" customHeight="1" x14ac:dyDescent="0.25">
      <c r="A995" s="56" t="s">
        <v>91</v>
      </c>
      <c r="B995" s="57" t="s">
        <v>730</v>
      </c>
      <c r="C995" s="51"/>
      <c r="D995" s="156"/>
      <c r="E995" s="157"/>
    </row>
    <row r="996" spans="1:6" s="4" customFormat="1" ht="30" customHeight="1" thickBot="1" x14ac:dyDescent="0.3">
      <c r="A996" s="88">
        <v>44593</v>
      </c>
      <c r="B996" s="89" t="s">
        <v>897</v>
      </c>
      <c r="C996" s="85"/>
      <c r="D996" s="158"/>
      <c r="E996" s="159"/>
    </row>
    <row r="997" spans="1:6" s="3" customFormat="1" ht="20.100000000000001" customHeight="1" x14ac:dyDescent="0.25">
      <c r="A997" s="5"/>
      <c r="B997" s="5"/>
      <c r="C997" s="7"/>
      <c r="D997" s="7"/>
      <c r="E997" s="29"/>
    </row>
    <row r="998" spans="1:6" s="2" customFormat="1" ht="30" customHeight="1" thickBot="1" x14ac:dyDescent="0.3">
      <c r="A998" s="133" t="s">
        <v>732</v>
      </c>
      <c r="B998" s="134"/>
      <c r="C998" s="134"/>
      <c r="D998" s="134"/>
      <c r="E998" s="134"/>
    </row>
    <row r="999" spans="1:6" s="3" customFormat="1" ht="93" customHeight="1" x14ac:dyDescent="0.25">
      <c r="A999" s="135" t="s">
        <v>0</v>
      </c>
      <c r="B999" s="136"/>
      <c r="C999" s="139" t="s">
        <v>24</v>
      </c>
      <c r="D999" s="140"/>
      <c r="E999" s="141"/>
      <c r="F999" s="26"/>
    </row>
    <row r="1000" spans="1:6" s="3" customFormat="1" ht="30" customHeight="1" thickBot="1" x14ac:dyDescent="0.3">
      <c r="A1000" s="137"/>
      <c r="B1000" s="138"/>
      <c r="C1000" s="27" t="s">
        <v>25</v>
      </c>
      <c r="D1000" s="142" t="s">
        <v>26</v>
      </c>
      <c r="E1000" s="143"/>
    </row>
    <row r="1001" spans="1:6" s="3" customFormat="1" ht="50.1" customHeight="1" thickBot="1" x14ac:dyDescent="0.3">
      <c r="A1001" s="144" t="s">
        <v>733</v>
      </c>
      <c r="B1001" s="145"/>
      <c r="C1001" s="145"/>
      <c r="D1001" s="145"/>
      <c r="E1001" s="146"/>
    </row>
    <row r="1002" spans="1:6" s="28" customFormat="1" ht="30.75" customHeight="1" x14ac:dyDescent="0.25">
      <c r="A1002" s="121" t="s">
        <v>734</v>
      </c>
      <c r="B1002" s="122"/>
      <c r="C1002" s="48"/>
      <c r="D1002" s="48"/>
      <c r="E1002" s="49"/>
    </row>
    <row r="1003" spans="1:6" s="4" customFormat="1" ht="30" customHeight="1" x14ac:dyDescent="0.25">
      <c r="A1003" s="56" t="s">
        <v>91</v>
      </c>
      <c r="B1003" s="57" t="s">
        <v>898</v>
      </c>
      <c r="C1003" s="51"/>
      <c r="D1003" s="156"/>
      <c r="E1003" s="157"/>
    </row>
    <row r="1004" spans="1:6" s="4" customFormat="1" ht="30" customHeight="1" x14ac:dyDescent="0.25">
      <c r="A1004" s="58">
        <v>44593</v>
      </c>
      <c r="B1004" s="57" t="s">
        <v>735</v>
      </c>
      <c r="C1004" s="51"/>
      <c r="D1004" s="160"/>
      <c r="E1004" s="161"/>
    </row>
    <row r="1005" spans="1:6" s="4" customFormat="1" ht="30" customHeight="1" x14ac:dyDescent="0.25">
      <c r="A1005" s="58">
        <v>44621</v>
      </c>
      <c r="B1005" s="57" t="s">
        <v>736</v>
      </c>
      <c r="C1005" s="51"/>
      <c r="D1005" s="160"/>
      <c r="E1005" s="161"/>
    </row>
    <row r="1006" spans="1:6" s="4" customFormat="1" ht="30" customHeight="1" x14ac:dyDescent="0.25">
      <c r="A1006" s="58">
        <v>44652</v>
      </c>
      <c r="B1006" s="57" t="s">
        <v>737</v>
      </c>
      <c r="C1006" s="51"/>
      <c r="D1006" s="160"/>
      <c r="E1006" s="161"/>
    </row>
    <row r="1007" spans="1:6" s="4" customFormat="1" ht="30" customHeight="1" thickBot="1" x14ac:dyDescent="0.3">
      <c r="A1007" s="58">
        <v>44682</v>
      </c>
      <c r="B1007" s="57" t="s">
        <v>899</v>
      </c>
      <c r="C1007" s="51"/>
      <c r="D1007" s="158"/>
      <c r="E1007" s="159"/>
    </row>
    <row r="1008" spans="1:6" s="28" customFormat="1" ht="30.75" customHeight="1" x14ac:dyDescent="0.25">
      <c r="A1008" s="121" t="s">
        <v>738</v>
      </c>
      <c r="B1008" s="122"/>
      <c r="C1008" s="48"/>
      <c r="D1008" s="48"/>
      <c r="E1008" s="49"/>
    </row>
    <row r="1009" spans="1:6" s="4" customFormat="1" ht="30" customHeight="1" x14ac:dyDescent="0.25">
      <c r="A1009" s="58">
        <v>44563</v>
      </c>
      <c r="B1009" s="57" t="s">
        <v>900</v>
      </c>
      <c r="C1009" s="51"/>
      <c r="D1009" s="156"/>
      <c r="E1009" s="157"/>
    </row>
    <row r="1010" spans="1:6" s="4" customFormat="1" ht="30" customHeight="1" x14ac:dyDescent="0.25">
      <c r="A1010" s="58">
        <v>44594</v>
      </c>
      <c r="B1010" s="57" t="s">
        <v>739</v>
      </c>
      <c r="C1010" s="51"/>
      <c r="D1010" s="160"/>
      <c r="E1010" s="161"/>
    </row>
    <row r="1011" spans="1:6" s="4" customFormat="1" ht="30" customHeight="1" x14ac:dyDescent="0.25">
      <c r="A1011" s="58">
        <v>44622</v>
      </c>
      <c r="B1011" s="57" t="s">
        <v>740</v>
      </c>
      <c r="C1011" s="51"/>
      <c r="D1011" s="160"/>
      <c r="E1011" s="161"/>
    </row>
    <row r="1012" spans="1:6" s="4" customFormat="1" ht="30" customHeight="1" thickBot="1" x14ac:dyDescent="0.3">
      <c r="A1012" s="88">
        <v>44653</v>
      </c>
      <c r="B1012" s="89" t="s">
        <v>899</v>
      </c>
      <c r="C1012" s="85"/>
      <c r="D1012" s="158"/>
      <c r="E1012" s="159"/>
    </row>
    <row r="1013" spans="1:6" s="3" customFormat="1" ht="20.100000000000001" customHeight="1" x14ac:dyDescent="0.25">
      <c r="A1013" s="5"/>
      <c r="B1013" s="5"/>
      <c r="C1013" s="7"/>
      <c r="D1013" s="7"/>
      <c r="E1013" s="29"/>
    </row>
    <row r="1014" spans="1:6" s="2" customFormat="1" ht="30" customHeight="1" thickBot="1" x14ac:dyDescent="0.3">
      <c r="A1014" s="133" t="s">
        <v>743</v>
      </c>
      <c r="B1014" s="134"/>
      <c r="C1014" s="134"/>
      <c r="D1014" s="134"/>
      <c r="E1014" s="134"/>
    </row>
    <row r="1015" spans="1:6" s="3" customFormat="1" ht="93" customHeight="1" x14ac:dyDescent="0.25">
      <c r="A1015" s="135" t="s">
        <v>0</v>
      </c>
      <c r="B1015" s="136"/>
      <c r="C1015" s="139" t="s">
        <v>24</v>
      </c>
      <c r="D1015" s="140"/>
      <c r="E1015" s="141"/>
      <c r="F1015" s="26"/>
    </row>
    <row r="1016" spans="1:6" s="3" customFormat="1" ht="30" customHeight="1" thickBot="1" x14ac:dyDescent="0.3">
      <c r="A1016" s="137"/>
      <c r="B1016" s="138"/>
      <c r="C1016" s="27" t="s">
        <v>25</v>
      </c>
      <c r="D1016" s="142" t="s">
        <v>26</v>
      </c>
      <c r="E1016" s="143"/>
    </row>
    <row r="1017" spans="1:6" s="3" customFormat="1" ht="60" customHeight="1" thickBot="1" x14ac:dyDescent="0.3">
      <c r="A1017" s="144" t="s">
        <v>751</v>
      </c>
      <c r="B1017" s="145"/>
      <c r="C1017" s="145"/>
      <c r="D1017" s="145"/>
      <c r="E1017" s="146"/>
    </row>
    <row r="1018" spans="1:6" s="28" customFormat="1" ht="30.75" customHeight="1" x14ac:dyDescent="0.25">
      <c r="A1018" s="121" t="s">
        <v>750</v>
      </c>
      <c r="B1018" s="122"/>
      <c r="C1018" s="48"/>
      <c r="D1018" s="48"/>
      <c r="E1018" s="49"/>
    </row>
    <row r="1019" spans="1:6" s="4" customFormat="1" ht="60" customHeight="1" thickBot="1" x14ac:dyDescent="0.3">
      <c r="A1019" s="56" t="s">
        <v>91</v>
      </c>
      <c r="B1019" s="57" t="s">
        <v>901</v>
      </c>
      <c r="C1019" s="51"/>
      <c r="D1019" s="147"/>
      <c r="E1019" s="148"/>
    </row>
    <row r="1020" spans="1:6" s="28" customFormat="1" ht="30.75" customHeight="1" x14ac:dyDescent="0.25">
      <c r="A1020" s="121" t="s">
        <v>752</v>
      </c>
      <c r="B1020" s="122"/>
      <c r="C1020" s="48"/>
      <c r="D1020" s="48"/>
      <c r="E1020" s="49"/>
    </row>
    <row r="1021" spans="1:6" s="4" customFormat="1" ht="60" customHeight="1" thickBot="1" x14ac:dyDescent="0.3">
      <c r="A1021" s="58">
        <v>44563</v>
      </c>
      <c r="B1021" s="57" t="s">
        <v>902</v>
      </c>
      <c r="C1021" s="51"/>
      <c r="D1021" s="147"/>
      <c r="E1021" s="148"/>
    </row>
    <row r="1022" spans="1:6" s="28" customFormat="1" ht="30.75" customHeight="1" x14ac:dyDescent="0.25">
      <c r="A1022" s="121" t="s">
        <v>753</v>
      </c>
      <c r="B1022" s="122"/>
      <c r="C1022" s="48"/>
      <c r="D1022" s="48"/>
      <c r="E1022" s="49"/>
    </row>
    <row r="1023" spans="1:6" s="4" customFormat="1" ht="60" customHeight="1" thickBot="1" x14ac:dyDescent="0.3">
      <c r="A1023" s="58">
        <v>44564</v>
      </c>
      <c r="B1023" s="57" t="s">
        <v>903</v>
      </c>
      <c r="C1023" s="51"/>
      <c r="D1023" s="147"/>
      <c r="E1023" s="148"/>
    </row>
    <row r="1024" spans="1:6" s="28" customFormat="1" ht="30.75" customHeight="1" x14ac:dyDescent="0.25">
      <c r="A1024" s="121" t="s">
        <v>754</v>
      </c>
      <c r="B1024" s="122"/>
      <c r="C1024" s="48"/>
      <c r="D1024" s="48"/>
      <c r="E1024" s="49"/>
    </row>
    <row r="1025" spans="1:6" s="4" customFormat="1" ht="69.95" customHeight="1" thickBot="1" x14ac:dyDescent="0.3">
      <c r="A1025" s="58">
        <v>44565</v>
      </c>
      <c r="B1025" s="57" t="s">
        <v>904</v>
      </c>
      <c r="C1025" s="51"/>
      <c r="D1025" s="147"/>
      <c r="E1025" s="148"/>
    </row>
    <row r="1026" spans="1:6" s="28" customFormat="1" ht="30.75" customHeight="1" x14ac:dyDescent="0.25">
      <c r="A1026" s="121" t="s">
        <v>755</v>
      </c>
      <c r="B1026" s="122"/>
      <c r="C1026" s="48"/>
      <c r="D1026" s="48"/>
      <c r="E1026" s="49"/>
    </row>
    <row r="1027" spans="1:6" s="4" customFormat="1" ht="60" customHeight="1" thickBot="1" x14ac:dyDescent="0.3">
      <c r="A1027" s="58">
        <v>44566</v>
      </c>
      <c r="B1027" s="57" t="s">
        <v>905</v>
      </c>
      <c r="C1027" s="51"/>
      <c r="D1027" s="147"/>
      <c r="E1027" s="148"/>
    </row>
    <row r="1028" spans="1:6" s="28" customFormat="1" ht="30.75" customHeight="1" x14ac:dyDescent="0.25">
      <c r="A1028" s="121" t="s">
        <v>756</v>
      </c>
      <c r="B1028" s="122"/>
      <c r="C1028" s="48"/>
      <c r="D1028" s="48"/>
      <c r="E1028" s="49"/>
    </row>
    <row r="1029" spans="1:6" s="4" customFormat="1" ht="64.5" customHeight="1" thickBot="1" x14ac:dyDescent="0.3">
      <c r="A1029" s="86">
        <v>44567</v>
      </c>
      <c r="B1029" s="87" t="s">
        <v>757</v>
      </c>
      <c r="C1029" s="85"/>
      <c r="D1029" s="149"/>
      <c r="E1029" s="150"/>
    </row>
    <row r="1030" spans="1:6" s="3" customFormat="1" ht="20.100000000000001" customHeight="1" x14ac:dyDescent="0.25">
      <c r="A1030" s="5"/>
      <c r="B1030" s="5"/>
      <c r="C1030" s="7"/>
      <c r="D1030" s="7"/>
      <c r="E1030" s="29"/>
    </row>
    <row r="1031" spans="1:6" s="2" customFormat="1" ht="20.100000000000001" customHeight="1" x14ac:dyDescent="0.25">
      <c r="A1031" s="191" t="s">
        <v>47</v>
      </c>
      <c r="B1031" s="191"/>
      <c r="C1031" s="191"/>
      <c r="D1031" s="191"/>
      <c r="E1031" s="191"/>
    </row>
    <row r="1032" spans="1:6" s="2" customFormat="1" ht="5.0999999999999996" customHeight="1" thickBot="1" x14ac:dyDescent="0.3">
      <c r="A1032" s="17"/>
      <c r="C1032" s="6"/>
      <c r="D1032" s="6"/>
      <c r="E1032" s="6"/>
    </row>
    <row r="1033" spans="1:6" s="3" customFormat="1" ht="69" customHeight="1" x14ac:dyDescent="0.25">
      <c r="A1033" s="135" t="s">
        <v>7</v>
      </c>
      <c r="B1033" s="136"/>
      <c r="C1033" s="139" t="s">
        <v>27</v>
      </c>
      <c r="D1033" s="140"/>
      <c r="E1033" s="141"/>
    </row>
    <row r="1034" spans="1:6" s="3" customFormat="1" ht="30" customHeight="1" thickBot="1" x14ac:dyDescent="0.3">
      <c r="A1034" s="137"/>
      <c r="B1034" s="138"/>
      <c r="C1034" s="27" t="s">
        <v>6</v>
      </c>
      <c r="D1034" s="181" t="s">
        <v>28</v>
      </c>
      <c r="E1034" s="182"/>
    </row>
    <row r="1035" spans="1:6" s="3" customFormat="1" ht="54.95" customHeight="1" x14ac:dyDescent="0.25">
      <c r="A1035" s="59" t="s">
        <v>14</v>
      </c>
      <c r="B1035" s="102" t="s">
        <v>906</v>
      </c>
      <c r="C1035" s="60"/>
      <c r="D1035" s="213"/>
      <c r="E1035" s="214"/>
    </row>
    <row r="1036" spans="1:6" s="2" customFormat="1" ht="57.75" customHeight="1" x14ac:dyDescent="0.25">
      <c r="A1036" s="61" t="s">
        <v>59</v>
      </c>
      <c r="B1036" s="103" t="s">
        <v>912</v>
      </c>
      <c r="C1036" s="62"/>
      <c r="D1036" s="171"/>
      <c r="E1036" s="172"/>
      <c r="F1036" s="204"/>
    </row>
    <row r="1037" spans="1:6" s="2" customFormat="1" ht="20.100000000000001" customHeight="1" x14ac:dyDescent="0.25">
      <c r="A1037" s="61" t="s">
        <v>60</v>
      </c>
      <c r="B1037" s="103" t="s">
        <v>907</v>
      </c>
      <c r="C1037" s="62"/>
      <c r="D1037" s="171"/>
      <c r="E1037" s="172"/>
      <c r="F1037" s="204"/>
    </row>
    <row r="1038" spans="1:6" s="2" customFormat="1" ht="39.950000000000003" customHeight="1" x14ac:dyDescent="0.25">
      <c r="A1038" s="114" t="s">
        <v>70</v>
      </c>
      <c r="B1038" s="106" t="s">
        <v>908</v>
      </c>
      <c r="C1038" s="62"/>
      <c r="D1038" s="127"/>
      <c r="E1038" s="128"/>
      <c r="F1038" s="204"/>
    </row>
    <row r="1039" spans="1:6" s="3" customFormat="1" ht="29.25" customHeight="1" x14ac:dyDescent="0.25">
      <c r="A1039" s="115" t="s">
        <v>71</v>
      </c>
      <c r="B1039" s="107" t="s">
        <v>909</v>
      </c>
      <c r="C1039" s="62"/>
      <c r="D1039" s="129"/>
      <c r="E1039" s="130"/>
      <c r="F1039" s="204"/>
    </row>
    <row r="1040" spans="1:6" s="3" customFormat="1" ht="24.95" customHeight="1" x14ac:dyDescent="0.25">
      <c r="A1040" s="115" t="s">
        <v>72</v>
      </c>
      <c r="B1040" s="79" t="s">
        <v>910</v>
      </c>
      <c r="C1040" s="62"/>
      <c r="D1040" s="129"/>
      <c r="E1040" s="130"/>
      <c r="F1040" s="204"/>
    </row>
    <row r="1041" spans="1:6" s="3" customFormat="1" ht="60" customHeight="1" x14ac:dyDescent="0.25">
      <c r="A1041" s="115" t="s">
        <v>73</v>
      </c>
      <c r="B1041" s="79" t="s">
        <v>911</v>
      </c>
      <c r="C1041" s="62"/>
      <c r="D1041" s="129"/>
      <c r="E1041" s="130"/>
      <c r="F1041" s="204"/>
    </row>
    <row r="1042" spans="1:6" s="2" customFormat="1" ht="131.25" customHeight="1" x14ac:dyDescent="0.25">
      <c r="A1042" s="116" t="s">
        <v>74</v>
      </c>
      <c r="B1042" s="108" t="s">
        <v>913</v>
      </c>
      <c r="C1042" s="62"/>
      <c r="D1042" s="131"/>
      <c r="E1042" s="132"/>
      <c r="F1042" s="204"/>
    </row>
    <row r="1043" spans="1:6" s="2" customFormat="1" ht="150" customHeight="1" x14ac:dyDescent="0.25">
      <c r="A1043" s="61" t="s">
        <v>61</v>
      </c>
      <c r="B1043" s="103" t="s">
        <v>914</v>
      </c>
      <c r="C1043" s="62"/>
      <c r="D1043" s="171"/>
      <c r="E1043" s="172"/>
    </row>
    <row r="1044" spans="1:6" s="2" customFormat="1" ht="55.5" customHeight="1" x14ac:dyDescent="0.25">
      <c r="A1044" s="61" t="s">
        <v>62</v>
      </c>
      <c r="B1044" s="103" t="s">
        <v>915</v>
      </c>
      <c r="C1044" s="62"/>
      <c r="D1044" s="171"/>
      <c r="E1044" s="172"/>
    </row>
    <row r="1045" spans="1:6" s="3" customFormat="1" ht="60.75" customHeight="1" x14ac:dyDescent="0.25">
      <c r="A1045" s="61" t="s">
        <v>63</v>
      </c>
      <c r="B1045" s="103" t="s">
        <v>916</v>
      </c>
      <c r="C1045" s="62"/>
      <c r="D1045" s="171"/>
      <c r="E1045" s="172"/>
    </row>
    <row r="1046" spans="1:6" s="31" customFormat="1" ht="79.5" customHeight="1" x14ac:dyDescent="0.25">
      <c r="A1046" s="61" t="s">
        <v>64</v>
      </c>
      <c r="B1046" s="109" t="s">
        <v>917</v>
      </c>
      <c r="C1046" s="62"/>
      <c r="D1046" s="173"/>
      <c r="E1046" s="174"/>
    </row>
    <row r="1047" spans="1:6" s="31" customFormat="1" ht="84.75" customHeight="1" x14ac:dyDescent="0.25">
      <c r="A1047" s="61" t="s">
        <v>65</v>
      </c>
      <c r="B1047" s="110" t="s">
        <v>918</v>
      </c>
      <c r="C1047" s="62"/>
      <c r="D1047" s="173"/>
      <c r="E1047" s="174"/>
    </row>
    <row r="1048" spans="1:6" s="2" customFormat="1" ht="34.9" customHeight="1" x14ac:dyDescent="0.25">
      <c r="A1048" s="124" t="s">
        <v>66</v>
      </c>
      <c r="B1048" s="106" t="s">
        <v>919</v>
      </c>
      <c r="C1048" s="62"/>
      <c r="D1048" s="127"/>
      <c r="E1048" s="128"/>
    </row>
    <row r="1049" spans="1:6" s="2" customFormat="1" ht="31.15" customHeight="1" x14ac:dyDescent="0.25">
      <c r="A1049" s="125"/>
      <c r="B1049" s="79" t="s">
        <v>920</v>
      </c>
      <c r="C1049" s="62"/>
      <c r="D1049" s="129"/>
      <c r="E1049" s="130"/>
    </row>
    <row r="1050" spans="1:6" s="2" customFormat="1" ht="53.45" customHeight="1" x14ac:dyDescent="0.25">
      <c r="A1050" s="125"/>
      <c r="B1050" s="82" t="s">
        <v>921</v>
      </c>
      <c r="C1050" s="62"/>
      <c r="D1050" s="129"/>
      <c r="E1050" s="130"/>
    </row>
    <row r="1051" spans="1:6" s="3" customFormat="1" ht="25.15" customHeight="1" x14ac:dyDescent="0.25">
      <c r="A1051" s="125"/>
      <c r="B1051" s="107" t="s">
        <v>922</v>
      </c>
      <c r="C1051" s="62"/>
      <c r="D1051" s="129"/>
      <c r="E1051" s="130"/>
    </row>
    <row r="1052" spans="1:6" s="2" customFormat="1" ht="27.6" customHeight="1" x14ac:dyDescent="0.25">
      <c r="A1052" s="125"/>
      <c r="B1052" s="79" t="s">
        <v>923</v>
      </c>
      <c r="C1052" s="62"/>
      <c r="D1052" s="129"/>
      <c r="E1052" s="130"/>
    </row>
    <row r="1053" spans="1:6" s="3" customFormat="1" ht="60" customHeight="1" x14ac:dyDescent="0.25">
      <c r="A1053" s="125"/>
      <c r="B1053" s="79" t="s">
        <v>924</v>
      </c>
      <c r="C1053" s="62"/>
      <c r="D1053" s="129"/>
      <c r="E1053" s="130"/>
    </row>
    <row r="1054" spans="1:6" s="2" customFormat="1" ht="60" customHeight="1" x14ac:dyDescent="0.25">
      <c r="A1054" s="126"/>
      <c r="B1054" s="108" t="s">
        <v>925</v>
      </c>
      <c r="C1054" s="62"/>
      <c r="D1054" s="131"/>
      <c r="E1054" s="132"/>
    </row>
    <row r="1055" spans="1:6" s="2" customFormat="1" ht="134.25" customHeight="1" x14ac:dyDescent="0.25">
      <c r="A1055" s="61" t="s">
        <v>75</v>
      </c>
      <c r="B1055" s="104" t="s">
        <v>926</v>
      </c>
      <c r="C1055" s="62"/>
      <c r="D1055" s="171"/>
      <c r="E1055" s="172"/>
    </row>
    <row r="1056" spans="1:6" s="2" customFormat="1" ht="269.25" customHeight="1" x14ac:dyDescent="0.25">
      <c r="A1056" s="61" t="s">
        <v>76</v>
      </c>
      <c r="B1056" s="103" t="s">
        <v>927</v>
      </c>
      <c r="C1056" s="62"/>
      <c r="D1056" s="171"/>
      <c r="E1056" s="172"/>
    </row>
    <row r="1057" spans="1:6" s="3" customFormat="1" ht="141.75" customHeight="1" x14ac:dyDescent="0.25">
      <c r="A1057" s="61" t="s">
        <v>77</v>
      </c>
      <c r="B1057" s="110" t="s">
        <v>928</v>
      </c>
      <c r="C1057" s="62"/>
      <c r="D1057" s="171"/>
      <c r="E1057" s="172"/>
    </row>
    <row r="1058" spans="1:6" s="2" customFormat="1" ht="129.94999999999999" customHeight="1" x14ac:dyDescent="0.25">
      <c r="A1058" s="111" t="s">
        <v>78</v>
      </c>
      <c r="B1058" s="103" t="s">
        <v>929</v>
      </c>
      <c r="C1058" s="62"/>
      <c r="D1058" s="171"/>
      <c r="E1058" s="172"/>
    </row>
    <row r="1059" spans="1:6" s="3" customFormat="1" ht="120" customHeight="1" x14ac:dyDescent="0.25">
      <c r="A1059" s="61" t="s">
        <v>79</v>
      </c>
      <c r="B1059" s="103" t="s">
        <v>930</v>
      </c>
      <c r="C1059" s="62"/>
      <c r="D1059" s="171"/>
      <c r="E1059" s="172"/>
    </row>
    <row r="1060" spans="1:6" s="2" customFormat="1" ht="30" customHeight="1" x14ac:dyDescent="0.25">
      <c r="A1060" s="61" t="s">
        <v>80</v>
      </c>
      <c r="B1060" s="103" t="s">
        <v>931</v>
      </c>
      <c r="C1060" s="62"/>
      <c r="D1060" s="171"/>
      <c r="E1060" s="172"/>
    </row>
    <row r="1061" spans="1:6" s="2" customFormat="1" ht="54.95" customHeight="1" x14ac:dyDescent="0.25">
      <c r="A1061" s="61" t="s">
        <v>81</v>
      </c>
      <c r="B1061" s="104" t="s">
        <v>932</v>
      </c>
      <c r="C1061" s="62"/>
      <c r="D1061" s="171"/>
      <c r="E1061" s="172"/>
    </row>
    <row r="1062" spans="1:6" s="3" customFormat="1" ht="90" customHeight="1" x14ac:dyDescent="0.25">
      <c r="A1062" s="61" t="s">
        <v>82</v>
      </c>
      <c r="B1062" s="103" t="s">
        <v>933</v>
      </c>
      <c r="C1062" s="62"/>
      <c r="D1062" s="171"/>
      <c r="E1062" s="172"/>
    </row>
    <row r="1063" spans="1:6" s="3" customFormat="1" ht="230.1" customHeight="1" x14ac:dyDescent="0.25">
      <c r="A1063" s="61" t="s">
        <v>83</v>
      </c>
      <c r="B1063" s="112" t="s">
        <v>934</v>
      </c>
      <c r="C1063" s="62"/>
      <c r="D1063" s="171"/>
      <c r="E1063" s="172"/>
    </row>
    <row r="1064" spans="1:6" s="3" customFormat="1" ht="99.95" customHeight="1" x14ac:dyDescent="0.25">
      <c r="A1064" s="63" t="s">
        <v>84</v>
      </c>
      <c r="B1064" s="103" t="s">
        <v>935</v>
      </c>
      <c r="C1064" s="62"/>
      <c r="D1064" s="171"/>
      <c r="E1064" s="172"/>
    </row>
    <row r="1065" spans="1:6" ht="129.94999999999999" customHeight="1" x14ac:dyDescent="0.2">
      <c r="A1065" s="61" t="s">
        <v>85</v>
      </c>
      <c r="B1065" s="103" t="s">
        <v>936</v>
      </c>
      <c r="C1065" s="62"/>
      <c r="D1065" s="173"/>
      <c r="E1065" s="174"/>
    </row>
    <row r="1066" spans="1:6" s="2" customFormat="1" ht="129.94999999999999" customHeight="1" x14ac:dyDescent="0.25">
      <c r="A1066" s="61" t="s">
        <v>86</v>
      </c>
      <c r="B1066" s="103" t="s">
        <v>937</v>
      </c>
      <c r="C1066" s="62"/>
      <c r="D1066" s="171"/>
      <c r="E1066" s="172"/>
    </row>
    <row r="1067" spans="1:6" s="2" customFormat="1" ht="50.1" customHeight="1" thickBot="1" x14ac:dyDescent="0.3">
      <c r="A1067" s="113" t="s">
        <v>87</v>
      </c>
      <c r="B1067" s="105" t="s">
        <v>938</v>
      </c>
      <c r="C1067" s="64"/>
      <c r="D1067" s="175"/>
      <c r="E1067" s="176"/>
    </row>
    <row r="1068" spans="1:6" s="69" customFormat="1" ht="20.100000000000001" customHeight="1" x14ac:dyDescent="0.25">
      <c r="A1068" s="65"/>
      <c r="B1068" s="66"/>
      <c r="C1068" s="67"/>
      <c r="D1068" s="67"/>
      <c r="E1068" s="68"/>
    </row>
    <row r="1069" spans="1:6" s="2" customFormat="1" ht="20.100000000000001" customHeight="1" x14ac:dyDescent="0.25">
      <c r="A1069" s="177" t="s">
        <v>53</v>
      </c>
      <c r="B1069" s="177"/>
      <c r="C1069" s="177"/>
      <c r="D1069" s="177"/>
      <c r="E1069" s="177"/>
      <c r="F1069" s="204"/>
    </row>
    <row r="1070" spans="1:6" s="2" customFormat="1" ht="4.5" customHeight="1" thickBot="1" x14ac:dyDescent="0.3">
      <c r="F1070" s="204"/>
    </row>
    <row r="1071" spans="1:6" s="2" customFormat="1" ht="80.25" customHeight="1" x14ac:dyDescent="0.25">
      <c r="A1071" s="135" t="s">
        <v>67</v>
      </c>
      <c r="B1071" s="136"/>
      <c r="C1071" s="139" t="s">
        <v>54</v>
      </c>
      <c r="D1071" s="140"/>
      <c r="E1071" s="141"/>
      <c r="F1071" s="204"/>
    </row>
    <row r="1072" spans="1:6" s="3" customFormat="1" ht="29.25" customHeight="1" thickBot="1" x14ac:dyDescent="0.3">
      <c r="A1072" s="137"/>
      <c r="B1072" s="138"/>
      <c r="C1072" s="27" t="s">
        <v>6</v>
      </c>
      <c r="D1072" s="181" t="s">
        <v>28</v>
      </c>
      <c r="E1072" s="182"/>
      <c r="F1072" s="204"/>
    </row>
    <row r="1073" spans="1:6" s="3" customFormat="1" ht="39" customHeight="1" x14ac:dyDescent="0.25">
      <c r="A1073" s="47" t="s">
        <v>29</v>
      </c>
      <c r="B1073" s="70" t="s">
        <v>57</v>
      </c>
      <c r="C1073" s="45"/>
      <c r="D1073" s="185"/>
      <c r="E1073" s="186"/>
      <c r="F1073" s="204"/>
    </row>
    <row r="1074" spans="1:6" s="3" customFormat="1" ht="27.95" customHeight="1" x14ac:dyDescent="0.25">
      <c r="A1074" s="13" t="s">
        <v>30</v>
      </c>
      <c r="B1074" s="71" t="s">
        <v>56</v>
      </c>
      <c r="C1074" s="43"/>
      <c r="D1074" s="187"/>
      <c r="E1074" s="188"/>
      <c r="F1074" s="204"/>
    </row>
    <row r="1075" spans="1:6" s="2" customFormat="1" ht="50.1" customHeight="1" thickBot="1" x14ac:dyDescent="0.3">
      <c r="A1075" s="77" t="s">
        <v>31</v>
      </c>
      <c r="B1075" s="78" t="s">
        <v>55</v>
      </c>
      <c r="C1075" s="44"/>
      <c r="D1075" s="183"/>
      <c r="E1075" s="184"/>
      <c r="F1075" s="204"/>
    </row>
    <row r="1076" spans="1:6" s="2" customFormat="1" ht="90" customHeight="1" thickBot="1" x14ac:dyDescent="0.3">
      <c r="A1076" s="75" t="s">
        <v>99</v>
      </c>
      <c r="B1076" s="76" t="s">
        <v>943</v>
      </c>
      <c r="C1076" s="44"/>
      <c r="D1076" s="193"/>
      <c r="E1076" s="194"/>
      <c r="F1076" s="74"/>
    </row>
    <row r="1077" spans="1:6" s="2" customFormat="1" ht="5.0999999999999996" customHeight="1" x14ac:dyDescent="0.25">
      <c r="A1077" s="5"/>
      <c r="B1077" s="5"/>
      <c r="C1077" s="7"/>
      <c r="D1077" s="7"/>
      <c r="E1077" s="29"/>
    </row>
    <row r="1078" spans="1:6" s="2" customFormat="1" ht="20.100000000000001" customHeight="1" x14ac:dyDescent="0.25">
      <c r="A1078" s="191" t="s">
        <v>13</v>
      </c>
      <c r="B1078" s="191"/>
      <c r="C1078" s="191"/>
      <c r="D1078" s="191"/>
      <c r="E1078" s="191"/>
    </row>
    <row r="1079" spans="1:6" s="69" customFormat="1" ht="20.100000000000001" customHeight="1" x14ac:dyDescent="0.25">
      <c r="A1079" s="66" t="s">
        <v>15</v>
      </c>
      <c r="B1079" s="192" t="s">
        <v>98</v>
      </c>
      <c r="C1079" s="192"/>
      <c r="D1079" s="192"/>
      <c r="E1079" s="192"/>
    </row>
    <row r="1080" spans="1:6" s="72" customFormat="1" ht="20.100000000000001" customHeight="1" x14ac:dyDescent="0.25">
      <c r="A1080" s="66" t="s">
        <v>32</v>
      </c>
      <c r="B1080" s="195" t="s">
        <v>33</v>
      </c>
      <c r="C1080" s="195"/>
      <c r="D1080" s="195"/>
      <c r="E1080" s="195"/>
    </row>
    <row r="1081" spans="1:6" s="31" customFormat="1" ht="30" customHeight="1" x14ac:dyDescent="0.25">
      <c r="A1081" s="170" t="s">
        <v>34</v>
      </c>
      <c r="B1081" s="170"/>
      <c r="C1081" s="170"/>
      <c r="D1081" s="170"/>
      <c r="E1081" s="3"/>
    </row>
    <row r="1082" spans="1:6" s="2" customFormat="1" ht="28.5" customHeight="1" x14ac:dyDescent="0.25">
      <c r="A1082" s="30" t="s">
        <v>35</v>
      </c>
      <c r="B1082" s="190"/>
      <c r="C1082" s="190"/>
      <c r="E1082" s="31"/>
    </row>
    <row r="1083" spans="1:6" s="2" customFormat="1" ht="27" customHeight="1" x14ac:dyDescent="0.25">
      <c r="A1083" s="30" t="s">
        <v>36</v>
      </c>
      <c r="B1083" s="178"/>
      <c r="C1083" s="178"/>
      <c r="E1083" s="31"/>
    </row>
    <row r="1084" spans="1:6" s="2" customFormat="1" ht="26.45" customHeight="1" x14ac:dyDescent="0.25">
      <c r="A1084" s="30" t="s">
        <v>37</v>
      </c>
      <c r="B1084" s="178"/>
      <c r="C1084" s="178"/>
      <c r="E1084" s="31"/>
    </row>
    <row r="1085" spans="1:6" s="3" customFormat="1" ht="29.1" customHeight="1" x14ac:dyDescent="0.25">
      <c r="A1085" s="30" t="s">
        <v>38</v>
      </c>
      <c r="B1085" s="178"/>
      <c r="C1085" s="178"/>
      <c r="D1085" s="2"/>
      <c r="E1085" s="32"/>
    </row>
    <row r="1086" spans="1:6" s="2" customFormat="1" ht="20.100000000000001" customHeight="1" x14ac:dyDescent="0.2">
      <c r="A1086" s="11"/>
      <c r="B1086" s="12"/>
      <c r="C1086" s="12"/>
      <c r="E1086" s="33"/>
    </row>
    <row r="1087" spans="1:6" s="3" customFormat="1" ht="15" customHeight="1" x14ac:dyDescent="0.25">
      <c r="A1087" s="179" t="s">
        <v>39</v>
      </c>
      <c r="B1087" s="179"/>
      <c r="C1087" s="179"/>
      <c r="D1087" s="179"/>
      <c r="E1087" s="179"/>
    </row>
    <row r="1088" spans="1:6" s="2" customFormat="1" ht="36.75" customHeight="1" x14ac:dyDescent="0.25">
      <c r="A1088" s="180" t="s">
        <v>50</v>
      </c>
      <c r="B1088" s="180"/>
      <c r="C1088" s="180"/>
      <c r="D1088" s="180"/>
      <c r="E1088" s="180"/>
    </row>
    <row r="1089" spans="1:5" s="2" customFormat="1" ht="15" customHeight="1" x14ac:dyDescent="0.2">
      <c r="A1089" s="1"/>
      <c r="B1089" s="1"/>
      <c r="C1089" s="8"/>
      <c r="D1089" s="8"/>
    </row>
    <row r="1090" spans="1:5" s="3" customFormat="1" ht="4.5" customHeight="1" x14ac:dyDescent="0.2">
      <c r="A1090" s="1"/>
      <c r="B1090" s="1"/>
      <c r="C1090" s="8"/>
      <c r="D1090" s="8"/>
      <c r="E1090" s="2"/>
    </row>
    <row r="1091" spans="1:5" s="3" customFormat="1" ht="20.100000000000001" customHeight="1" x14ac:dyDescent="0.25">
      <c r="A1091" s="34" t="s">
        <v>40</v>
      </c>
      <c r="B1091" s="54"/>
      <c r="C1091" s="35" t="s">
        <v>41</v>
      </c>
      <c r="D1091" s="189"/>
      <c r="E1091" s="189"/>
    </row>
    <row r="1092" spans="1:5" s="3" customFormat="1" ht="20.100000000000001" customHeight="1" x14ac:dyDescent="0.25">
      <c r="A1092" s="50" t="s">
        <v>42</v>
      </c>
      <c r="B1092" s="55"/>
      <c r="C1092" s="36"/>
      <c r="D1092" s="37"/>
      <c r="E1092" s="37"/>
    </row>
    <row r="1093" spans="1:5" ht="20.100000000000001" customHeight="1" x14ac:dyDescent="0.2">
      <c r="C1093" s="38" t="s">
        <v>43</v>
      </c>
      <c r="D1093" s="190"/>
      <c r="E1093" s="190"/>
    </row>
    <row r="1094" spans="1:5" s="2" customFormat="1" ht="20.100000000000001" customHeight="1" x14ac:dyDescent="0.2">
      <c r="A1094" s="1"/>
      <c r="B1094" s="1"/>
      <c r="C1094" s="38" t="s">
        <v>44</v>
      </c>
      <c r="D1094" s="178"/>
      <c r="E1094" s="178"/>
    </row>
    <row r="1095" spans="1:5" s="2" customFormat="1" ht="20.100000000000001" customHeight="1" x14ac:dyDescent="0.2">
      <c r="A1095" s="1"/>
      <c r="B1095" s="1"/>
      <c r="C1095" s="39" t="s">
        <v>45</v>
      </c>
      <c r="D1095" s="1"/>
    </row>
    <row r="1096" spans="1:5" s="2" customFormat="1" ht="37.5" customHeight="1" x14ac:dyDescent="0.25"/>
    <row r="1097" spans="1:5" s="2" customFormat="1" ht="24" customHeight="1" x14ac:dyDescent="0.25"/>
    <row r="1098" spans="1:5" s="2" customFormat="1" ht="24" customHeight="1" x14ac:dyDescent="0.25"/>
    <row r="1099" spans="1:5" s="2" customFormat="1" ht="24" customHeight="1" x14ac:dyDescent="0.25"/>
    <row r="1100" spans="1:5" s="2" customFormat="1" ht="20.100000000000001" customHeight="1" x14ac:dyDescent="0.25"/>
    <row r="1101" spans="1:5" s="2" customFormat="1" ht="20.100000000000001" customHeight="1" x14ac:dyDescent="0.25"/>
    <row r="1102" spans="1:5" s="2" customFormat="1" ht="50.1" customHeight="1" x14ac:dyDescent="0.25"/>
    <row r="1103" spans="1:5" s="2" customFormat="1" ht="43.5" customHeight="1" x14ac:dyDescent="0.25"/>
    <row r="1104" spans="1:5" ht="24.75" customHeight="1" x14ac:dyDescent="0.2">
      <c r="A1104" s="2"/>
      <c r="B1104" s="2"/>
      <c r="C1104" s="2"/>
      <c r="D1104" s="2"/>
    </row>
    <row r="1105" spans="1:4" x14ac:dyDescent="0.2">
      <c r="A1105" s="2"/>
      <c r="B1105" s="2"/>
      <c r="C1105" s="2"/>
      <c r="D1105" s="2"/>
    </row>
    <row r="1106" spans="1:4" ht="20.100000000000001" customHeight="1" x14ac:dyDescent="0.2"/>
    <row r="1107" spans="1:4" ht="4.5" customHeight="1" x14ac:dyDescent="0.2"/>
    <row r="1108" spans="1:4" ht="20.100000000000001" customHeight="1" x14ac:dyDescent="0.2"/>
    <row r="1109" spans="1:4" ht="20.100000000000001" customHeight="1" x14ac:dyDescent="0.2"/>
    <row r="1110" spans="1:4" ht="20.100000000000001" customHeight="1" x14ac:dyDescent="0.2"/>
  </sheetData>
  <mergeCells count="1080">
    <mergeCell ref="A983:B984"/>
    <mergeCell ref="C983:E983"/>
    <mergeCell ref="D984:E984"/>
    <mergeCell ref="A985:E985"/>
    <mergeCell ref="A986:B986"/>
    <mergeCell ref="D1007:E1007"/>
    <mergeCell ref="A1008:B1008"/>
    <mergeCell ref="D1009:E1009"/>
    <mergeCell ref="D1010:E1010"/>
    <mergeCell ref="D1011:E1011"/>
    <mergeCell ref="D1012:E1012"/>
    <mergeCell ref="A999:B1000"/>
    <mergeCell ref="C999:E999"/>
    <mergeCell ref="D1000:E1000"/>
    <mergeCell ref="A1001:E1001"/>
    <mergeCell ref="A1002:B1002"/>
    <mergeCell ref="D1003:E1003"/>
    <mergeCell ref="D1004:E1004"/>
    <mergeCell ref="D1005:E1005"/>
    <mergeCell ref="D1006:E1006"/>
    <mergeCell ref="A990:E990"/>
    <mergeCell ref="A991:B992"/>
    <mergeCell ref="C991:E991"/>
    <mergeCell ref="D992:E992"/>
    <mergeCell ref="A993:E993"/>
    <mergeCell ref="A994:B994"/>
    <mergeCell ref="D995:E995"/>
    <mergeCell ref="D996:E996"/>
    <mergeCell ref="A998:E998"/>
    <mergeCell ref="D987:E987"/>
    <mergeCell ref="D988:E988"/>
    <mergeCell ref="A974:E974"/>
    <mergeCell ref="A975:B976"/>
    <mergeCell ref="C975:E975"/>
    <mergeCell ref="D976:E976"/>
    <mergeCell ref="A977:E977"/>
    <mergeCell ref="A978:B978"/>
    <mergeCell ref="D979:E979"/>
    <mergeCell ref="D980:E980"/>
    <mergeCell ref="A982:E982"/>
    <mergeCell ref="A967:E967"/>
    <mergeCell ref="A968:B969"/>
    <mergeCell ref="C968:E968"/>
    <mergeCell ref="D969:E969"/>
    <mergeCell ref="A970:E970"/>
    <mergeCell ref="A971:B971"/>
    <mergeCell ref="D972:E972"/>
    <mergeCell ref="D911:E911"/>
    <mergeCell ref="D912:E912"/>
    <mergeCell ref="D913:E913"/>
    <mergeCell ref="A958:E958"/>
    <mergeCell ref="A959:B960"/>
    <mergeCell ref="D965:E965"/>
    <mergeCell ref="A951:E951"/>
    <mergeCell ref="A952:B953"/>
    <mergeCell ref="C952:E952"/>
    <mergeCell ref="D953:E953"/>
    <mergeCell ref="A954:E954"/>
    <mergeCell ref="A955:B955"/>
    <mergeCell ref="D956:E956"/>
    <mergeCell ref="D939:E939"/>
    <mergeCell ref="D940:E940"/>
    <mergeCell ref="D944:E944"/>
    <mergeCell ref="D945:E945"/>
    <mergeCell ref="D946:E946"/>
    <mergeCell ref="D947:E947"/>
    <mergeCell ref="D948:E948"/>
    <mergeCell ref="D949:E949"/>
    <mergeCell ref="A241:E241"/>
    <mergeCell ref="B242:C242"/>
    <mergeCell ref="A243:E243"/>
    <mergeCell ref="B244:C244"/>
    <mergeCell ref="A896:B896"/>
    <mergeCell ref="D897:E897"/>
    <mergeCell ref="A898:B898"/>
    <mergeCell ref="D899:E899"/>
    <mergeCell ref="A900:B900"/>
    <mergeCell ref="D901:E901"/>
    <mergeCell ref="A902:B902"/>
    <mergeCell ref="D926:E926"/>
    <mergeCell ref="D927:E927"/>
    <mergeCell ref="D928:E928"/>
    <mergeCell ref="D931:E931"/>
    <mergeCell ref="D932:E932"/>
    <mergeCell ref="D933:E933"/>
    <mergeCell ref="D934:E934"/>
    <mergeCell ref="D917:E917"/>
    <mergeCell ref="A918:B918"/>
    <mergeCell ref="D923:E923"/>
    <mergeCell ref="A924:B924"/>
    <mergeCell ref="D915:E915"/>
    <mergeCell ref="D919:E919"/>
    <mergeCell ref="D920:E920"/>
    <mergeCell ref="D921:E921"/>
    <mergeCell ref="D922:E922"/>
    <mergeCell ref="C959:E959"/>
    <mergeCell ref="D960:E960"/>
    <mergeCell ref="A961:E961"/>
    <mergeCell ref="A962:B962"/>
    <mergeCell ref="D963:E963"/>
    <mergeCell ref="D964:E964"/>
    <mergeCell ref="D941:E941"/>
    <mergeCell ref="D942:E942"/>
    <mergeCell ref="A943:B943"/>
    <mergeCell ref="A237:E237"/>
    <mergeCell ref="B238:C238"/>
    <mergeCell ref="A239:E239"/>
    <mergeCell ref="B240:C240"/>
    <mergeCell ref="A906:B907"/>
    <mergeCell ref="C906:E906"/>
    <mergeCell ref="D907:E907"/>
    <mergeCell ref="A908:E908"/>
    <mergeCell ref="A909:B909"/>
    <mergeCell ref="D910:E910"/>
    <mergeCell ref="A245:E245"/>
    <mergeCell ref="B246:C246"/>
    <mergeCell ref="B247:C247"/>
    <mergeCell ref="A858:B858"/>
    <mergeCell ref="D859:E859"/>
    <mergeCell ref="D929:E929"/>
    <mergeCell ref="A930:B930"/>
    <mergeCell ref="D935:E935"/>
    <mergeCell ref="D936:E936"/>
    <mergeCell ref="D937:E937"/>
    <mergeCell ref="A938:B938"/>
    <mergeCell ref="D916:E916"/>
    <mergeCell ref="D914:E914"/>
    <mergeCell ref="D925:E925"/>
    <mergeCell ref="D903:E903"/>
    <mergeCell ref="A905:E905"/>
    <mergeCell ref="A888:E888"/>
    <mergeCell ref="A889:B890"/>
    <mergeCell ref="C889:E889"/>
    <mergeCell ref="D890:E890"/>
    <mergeCell ref="A891:E891"/>
    <mergeCell ref="A892:B892"/>
    <mergeCell ref="D893:E893"/>
    <mergeCell ref="A894:B894"/>
    <mergeCell ref="D895:E895"/>
    <mergeCell ref="A885:B885"/>
    <mergeCell ref="D886:E886"/>
    <mergeCell ref="A876:E876"/>
    <mergeCell ref="A877:B877"/>
    <mergeCell ref="D878:E878"/>
    <mergeCell ref="A879:B879"/>
    <mergeCell ref="D880:E880"/>
    <mergeCell ref="A881:B881"/>
    <mergeCell ref="D882:E882"/>
    <mergeCell ref="A883:B883"/>
    <mergeCell ref="C874:E874"/>
    <mergeCell ref="D875:E875"/>
    <mergeCell ref="D851:E851"/>
    <mergeCell ref="A852:B852"/>
    <mergeCell ref="D853:E853"/>
    <mergeCell ref="A854:B854"/>
    <mergeCell ref="D855:E855"/>
    <mergeCell ref="A856:B856"/>
    <mergeCell ref="D857:E857"/>
    <mergeCell ref="A860:B860"/>
    <mergeCell ref="D861:E861"/>
    <mergeCell ref="A862:B862"/>
    <mergeCell ref="D863:E863"/>
    <mergeCell ref="A864:B864"/>
    <mergeCell ref="D865:E865"/>
    <mergeCell ref="A866:B866"/>
    <mergeCell ref="A849:E849"/>
    <mergeCell ref="A850:B850"/>
    <mergeCell ref="D657:E657"/>
    <mergeCell ref="A658:B658"/>
    <mergeCell ref="D659:E659"/>
    <mergeCell ref="A646:E646"/>
    <mergeCell ref="A647:B647"/>
    <mergeCell ref="D648:E648"/>
    <mergeCell ref="A649:B649"/>
    <mergeCell ref="D650:E650"/>
    <mergeCell ref="A637:E637"/>
    <mergeCell ref="A638:B638"/>
    <mergeCell ref="D639:E639"/>
    <mergeCell ref="A640:B640"/>
    <mergeCell ref="D641:E641"/>
    <mergeCell ref="A643:E643"/>
    <mergeCell ref="A644:B645"/>
    <mergeCell ref="C644:E644"/>
    <mergeCell ref="D645:E645"/>
    <mergeCell ref="D630:E630"/>
    <mergeCell ref="D631:E631"/>
    <mergeCell ref="D632:E632"/>
    <mergeCell ref="D625:E625"/>
    <mergeCell ref="A619:E619"/>
    <mergeCell ref="A656:E656"/>
    <mergeCell ref="D614:E614"/>
    <mergeCell ref="D615:E615"/>
    <mergeCell ref="D616:E616"/>
    <mergeCell ref="D617:E617"/>
    <mergeCell ref="D618:E618"/>
    <mergeCell ref="D621:E621"/>
    <mergeCell ref="D622:E622"/>
    <mergeCell ref="D623:E623"/>
    <mergeCell ref="D624:E624"/>
    <mergeCell ref="A634:E634"/>
    <mergeCell ref="A635:B636"/>
    <mergeCell ref="C635:E635"/>
    <mergeCell ref="D636:E636"/>
    <mergeCell ref="D620:E620"/>
    <mergeCell ref="A626:B626"/>
    <mergeCell ref="D627:E627"/>
    <mergeCell ref="A628:B628"/>
    <mergeCell ref="D629:E629"/>
    <mergeCell ref="A652:E652"/>
    <mergeCell ref="A653:B654"/>
    <mergeCell ref="C653:E653"/>
    <mergeCell ref="D654:E654"/>
    <mergeCell ref="A655:E655"/>
    <mergeCell ref="A601:E601"/>
    <mergeCell ref="A602:B603"/>
    <mergeCell ref="C602:E602"/>
    <mergeCell ref="D603:E603"/>
    <mergeCell ref="A604:E604"/>
    <mergeCell ref="A605:B605"/>
    <mergeCell ref="D611:E611"/>
    <mergeCell ref="A612:B612"/>
    <mergeCell ref="D613:E613"/>
    <mergeCell ref="D607:E607"/>
    <mergeCell ref="D608:E608"/>
    <mergeCell ref="D606:E606"/>
    <mergeCell ref="D609:E609"/>
    <mergeCell ref="D610:E610"/>
    <mergeCell ref="D599:E599"/>
    <mergeCell ref="D596:E596"/>
    <mergeCell ref="D595:E595"/>
    <mergeCell ref="D589:E589"/>
    <mergeCell ref="A590:B590"/>
    <mergeCell ref="D591:E591"/>
    <mergeCell ref="A592:B592"/>
    <mergeCell ref="A121:E121"/>
    <mergeCell ref="B122:C122"/>
    <mergeCell ref="B123:C123"/>
    <mergeCell ref="A201:E201"/>
    <mergeCell ref="B202:C202"/>
    <mergeCell ref="B203:C203"/>
    <mergeCell ref="B204:C204"/>
    <mergeCell ref="B205:C205"/>
    <mergeCell ref="B206:C206"/>
    <mergeCell ref="A343:B344"/>
    <mergeCell ref="C343:E343"/>
    <mergeCell ref="D344:E344"/>
    <mergeCell ref="A348:B348"/>
    <mergeCell ref="A351:B351"/>
    <mergeCell ref="A124:E124"/>
    <mergeCell ref="B234:C234"/>
    <mergeCell ref="A213:E213"/>
    <mergeCell ref="B214:C214"/>
    <mergeCell ref="B215:C215"/>
    <mergeCell ref="B216:C216"/>
    <mergeCell ref="B217:C217"/>
    <mergeCell ref="B207:C207"/>
    <mergeCell ref="B208:C208"/>
    <mergeCell ref="B209:C209"/>
    <mergeCell ref="B210:C210"/>
    <mergeCell ref="B211:C211"/>
    <mergeCell ref="B212:C212"/>
    <mergeCell ref="A235:E235"/>
    <mergeCell ref="D561:E561"/>
    <mergeCell ref="A562:E562"/>
    <mergeCell ref="A563:B563"/>
    <mergeCell ref="D569:E569"/>
    <mergeCell ref="A552:E552"/>
    <mergeCell ref="A553:B554"/>
    <mergeCell ref="C553:E553"/>
    <mergeCell ref="D554:E554"/>
    <mergeCell ref="A555:E555"/>
    <mergeCell ref="A556:B556"/>
    <mergeCell ref="A115:E115"/>
    <mergeCell ref="B116:C116"/>
    <mergeCell ref="B117:C117"/>
    <mergeCell ref="B118:C118"/>
    <mergeCell ref="B119:C119"/>
    <mergeCell ref="B120:C120"/>
    <mergeCell ref="A588:B588"/>
    <mergeCell ref="B236:C236"/>
    <mergeCell ref="B218:C218"/>
    <mergeCell ref="A219:E219"/>
    <mergeCell ref="B220:C220"/>
    <mergeCell ref="B221:C221"/>
    <mergeCell ref="B222:C222"/>
    <mergeCell ref="B223:C223"/>
    <mergeCell ref="B224:C224"/>
    <mergeCell ref="B225:C225"/>
    <mergeCell ref="A226:E226"/>
    <mergeCell ref="B227:C227"/>
    <mergeCell ref="B228:C228"/>
    <mergeCell ref="B229:C229"/>
    <mergeCell ref="B230:C230"/>
    <mergeCell ref="B231:C231"/>
    <mergeCell ref="A233:E233"/>
    <mergeCell ref="B102:C102"/>
    <mergeCell ref="A103:E103"/>
    <mergeCell ref="B104:C104"/>
    <mergeCell ref="A541:E541"/>
    <mergeCell ref="A542:B542"/>
    <mergeCell ref="D543:E543"/>
    <mergeCell ref="A545:E545"/>
    <mergeCell ref="A546:B547"/>
    <mergeCell ref="C546:E546"/>
    <mergeCell ref="D547:E547"/>
    <mergeCell ref="D338:E338"/>
    <mergeCell ref="D340:E340"/>
    <mergeCell ref="D330:E330"/>
    <mergeCell ref="D332:E332"/>
    <mergeCell ref="D309:E309"/>
    <mergeCell ref="D304:E304"/>
    <mergeCell ref="D305:E305"/>
    <mergeCell ref="D306:E306"/>
    <mergeCell ref="A345:E345"/>
    <mergeCell ref="A346:B346"/>
    <mergeCell ref="A105:E105"/>
    <mergeCell ref="B106:C106"/>
    <mergeCell ref="A107:E107"/>
    <mergeCell ref="C364:E364"/>
    <mergeCell ref="A366:E366"/>
    <mergeCell ref="A109:E109"/>
    <mergeCell ref="B110:C110"/>
    <mergeCell ref="B111:C111"/>
    <mergeCell ref="B112:C112"/>
    <mergeCell ref="B113:C113"/>
    <mergeCell ref="B114:C114"/>
    <mergeCell ref="B108:C108"/>
    <mergeCell ref="D1038:E1038"/>
    <mergeCell ref="D1060:E1060"/>
    <mergeCell ref="D1061:E1061"/>
    <mergeCell ref="D1062:E1062"/>
    <mergeCell ref="D1057:E1057"/>
    <mergeCell ref="D347:E347"/>
    <mergeCell ref="D350:E350"/>
    <mergeCell ref="D352:E352"/>
    <mergeCell ref="A99:E99"/>
    <mergeCell ref="B100:C100"/>
    <mergeCell ref="A538:E538"/>
    <mergeCell ref="A539:B540"/>
    <mergeCell ref="C539:E539"/>
    <mergeCell ref="D540:E540"/>
    <mergeCell ref="D318:E318"/>
    <mergeCell ref="D319:E319"/>
    <mergeCell ref="D320:E320"/>
    <mergeCell ref="D321:E321"/>
    <mergeCell ref="D322:E322"/>
    <mergeCell ref="D323:E323"/>
    <mergeCell ref="D300:E300"/>
    <mergeCell ref="D301:E301"/>
    <mergeCell ref="D298:E298"/>
    <mergeCell ref="D299:E299"/>
    <mergeCell ref="D307:E307"/>
    <mergeCell ref="B125:C125"/>
    <mergeCell ref="B126:C126"/>
    <mergeCell ref="A127:E127"/>
    <mergeCell ref="B128:C128"/>
    <mergeCell ref="B129:C129"/>
    <mergeCell ref="B232:C232"/>
    <mergeCell ref="D1039:E1039"/>
    <mergeCell ref="D315:E315"/>
    <mergeCell ref="D316:E316"/>
    <mergeCell ref="D317:E317"/>
    <mergeCell ref="D1035:E1035"/>
    <mergeCell ref="D1036:E1036"/>
    <mergeCell ref="D1042:E1042"/>
    <mergeCell ref="D1037:E1037"/>
    <mergeCell ref="D1040:E1040"/>
    <mergeCell ref="D1041:E1041"/>
    <mergeCell ref="A460:E460"/>
    <mergeCell ref="A461:B461"/>
    <mergeCell ref="D462:E462"/>
    <mergeCell ref="A438:E438"/>
    <mergeCell ref="A439:B440"/>
    <mergeCell ref="C439:E439"/>
    <mergeCell ref="D440:E440"/>
    <mergeCell ref="A477:B477"/>
    <mergeCell ref="D478:E478"/>
    <mergeCell ref="A474:E474"/>
    <mergeCell ref="A475:B475"/>
    <mergeCell ref="D476:E476"/>
    <mergeCell ref="A464:E464"/>
    <mergeCell ref="A465:B466"/>
    <mergeCell ref="A367:B367"/>
    <mergeCell ref="A369:B369"/>
    <mergeCell ref="D356:E356"/>
    <mergeCell ref="A337:B337"/>
    <mergeCell ref="A339:B339"/>
    <mergeCell ref="A342:E342"/>
    <mergeCell ref="D593:E593"/>
    <mergeCell ref="A594:B594"/>
    <mergeCell ref="F1069:F1075"/>
    <mergeCell ref="A3:E3"/>
    <mergeCell ref="A7:E7"/>
    <mergeCell ref="A8:E8"/>
    <mergeCell ref="A9:E9"/>
    <mergeCell ref="A11:E11"/>
    <mergeCell ref="A13:C13"/>
    <mergeCell ref="A263:B264"/>
    <mergeCell ref="C263:E263"/>
    <mergeCell ref="D264:E264"/>
    <mergeCell ref="A22:E22"/>
    <mergeCell ref="B27:C27"/>
    <mergeCell ref="A256:B256"/>
    <mergeCell ref="A16:C16"/>
    <mergeCell ref="F1036:F1042"/>
    <mergeCell ref="A266:B266"/>
    <mergeCell ref="B29:C29"/>
    <mergeCell ref="D1063:E1063"/>
    <mergeCell ref="D1059:E1059"/>
    <mergeCell ref="D334:E334"/>
    <mergeCell ref="D327:E327"/>
    <mergeCell ref="D1058:E1058"/>
    <mergeCell ref="D1043:E1043"/>
    <mergeCell ref="D1044:E1044"/>
    <mergeCell ref="D1045:E1045"/>
    <mergeCell ref="D1046:E1046"/>
    <mergeCell ref="D1047:E1047"/>
    <mergeCell ref="D1055:E1055"/>
    <mergeCell ref="D1056:E1056"/>
    <mergeCell ref="B64:C64"/>
    <mergeCell ref="A65:E65"/>
    <mergeCell ref="B66:C66"/>
    <mergeCell ref="A1:E1"/>
    <mergeCell ref="A12:C12"/>
    <mergeCell ref="A23:B23"/>
    <mergeCell ref="A26:B26"/>
    <mergeCell ref="A1033:B1034"/>
    <mergeCell ref="C1033:E1033"/>
    <mergeCell ref="D1034:E1034"/>
    <mergeCell ref="D289:E289"/>
    <mergeCell ref="A1031:E1031"/>
    <mergeCell ref="A260:E260"/>
    <mergeCell ref="A17:C17"/>
    <mergeCell ref="A2:E2"/>
    <mergeCell ref="D292:E292"/>
    <mergeCell ref="A18:E18"/>
    <mergeCell ref="A19:E19"/>
    <mergeCell ref="A20:C20"/>
    <mergeCell ref="A21:E21"/>
    <mergeCell ref="D288:E288"/>
    <mergeCell ref="B30:C30"/>
    <mergeCell ref="A293:B293"/>
    <mergeCell ref="D294:E294"/>
    <mergeCell ref="D295:E295"/>
    <mergeCell ref="D336:E336"/>
    <mergeCell ref="A354:E354"/>
    <mergeCell ref="D379:E379"/>
    <mergeCell ref="D381:E381"/>
    <mergeCell ref="D370:E370"/>
    <mergeCell ref="D372:E372"/>
    <mergeCell ref="D365:E365"/>
    <mergeCell ref="D368:E368"/>
    <mergeCell ref="A364:B365"/>
    <mergeCell ref="A101:E101"/>
    <mergeCell ref="A1081:D1081"/>
    <mergeCell ref="D1064:E1064"/>
    <mergeCell ref="D1065:E1065"/>
    <mergeCell ref="D1066:E1066"/>
    <mergeCell ref="D1067:E1067"/>
    <mergeCell ref="A1069:E1069"/>
    <mergeCell ref="D1094:E1094"/>
    <mergeCell ref="A1087:E1087"/>
    <mergeCell ref="A1088:E1088"/>
    <mergeCell ref="A1071:B1072"/>
    <mergeCell ref="C1071:E1071"/>
    <mergeCell ref="D1072:E1072"/>
    <mergeCell ref="D1075:E1075"/>
    <mergeCell ref="D1073:E1073"/>
    <mergeCell ref="D1074:E1074"/>
    <mergeCell ref="D1091:E1091"/>
    <mergeCell ref="D1093:E1093"/>
    <mergeCell ref="B1082:C1082"/>
    <mergeCell ref="B1083:C1083"/>
    <mergeCell ref="B1084:C1084"/>
    <mergeCell ref="B1085:C1085"/>
    <mergeCell ref="A1078:E1078"/>
    <mergeCell ref="B1079:E1079"/>
    <mergeCell ref="D1076:E1076"/>
    <mergeCell ref="B1080:E1080"/>
    <mergeCell ref="A67:E67"/>
    <mergeCell ref="D290:E290"/>
    <mergeCell ref="D291:E291"/>
    <mergeCell ref="D296:E296"/>
    <mergeCell ref="D297:E297"/>
    <mergeCell ref="D302:E302"/>
    <mergeCell ref="D277:E277"/>
    <mergeCell ref="D278:E278"/>
    <mergeCell ref="D279:E279"/>
    <mergeCell ref="D280:E280"/>
    <mergeCell ref="D268:E268"/>
    <mergeCell ref="D269:E269"/>
    <mergeCell ref="D270:E270"/>
    <mergeCell ref="D271:E271"/>
    <mergeCell ref="D272:E272"/>
    <mergeCell ref="D273:E273"/>
    <mergeCell ref="D274:E274"/>
    <mergeCell ref="D275:E275"/>
    <mergeCell ref="D276:E276"/>
    <mergeCell ref="A265:E265"/>
    <mergeCell ref="A294:B294"/>
    <mergeCell ref="A84:E84"/>
    <mergeCell ref="B85:C85"/>
    <mergeCell ref="A86:E86"/>
    <mergeCell ref="B87:C87"/>
    <mergeCell ref="A130:E130"/>
    <mergeCell ref="B131:C131"/>
    <mergeCell ref="B132:C132"/>
    <mergeCell ref="A133:E133"/>
    <mergeCell ref="B134:C134"/>
    <mergeCell ref="B135:C135"/>
    <mergeCell ref="B136:C136"/>
    <mergeCell ref="A28:E28"/>
    <mergeCell ref="A31:E31"/>
    <mergeCell ref="B32:C32"/>
    <mergeCell ref="B33:C33"/>
    <mergeCell ref="B34:C34"/>
    <mergeCell ref="B35:C35"/>
    <mergeCell ref="B36:C36"/>
    <mergeCell ref="B37:C37"/>
    <mergeCell ref="A262:E262"/>
    <mergeCell ref="B53:C53"/>
    <mergeCell ref="A54:E54"/>
    <mergeCell ref="B55:C55"/>
    <mergeCell ref="B56:C56"/>
    <mergeCell ref="B57:C57"/>
    <mergeCell ref="A58:E58"/>
    <mergeCell ref="B59:C59"/>
    <mergeCell ref="B60:C60"/>
    <mergeCell ref="A61:E61"/>
    <mergeCell ref="B62:C62"/>
    <mergeCell ref="A63:E63"/>
    <mergeCell ref="B47:C47"/>
    <mergeCell ref="B48:C48"/>
    <mergeCell ref="A49:E49"/>
    <mergeCell ref="B50:C50"/>
    <mergeCell ref="B51:C51"/>
    <mergeCell ref="A52:E52"/>
    <mergeCell ref="B68:C68"/>
    <mergeCell ref="A69:E69"/>
    <mergeCell ref="B70:C70"/>
    <mergeCell ref="B71:C71"/>
    <mergeCell ref="A38:E38"/>
    <mergeCell ref="B39:C39"/>
    <mergeCell ref="A360:B360"/>
    <mergeCell ref="D361:E361"/>
    <mergeCell ref="A363:E363"/>
    <mergeCell ref="A325:E325"/>
    <mergeCell ref="A326:B327"/>
    <mergeCell ref="C326:E326"/>
    <mergeCell ref="A329:B329"/>
    <mergeCell ref="D281:E281"/>
    <mergeCell ref="D282:E282"/>
    <mergeCell ref="D283:E283"/>
    <mergeCell ref="D284:E284"/>
    <mergeCell ref="D285:E285"/>
    <mergeCell ref="D286:E286"/>
    <mergeCell ref="D287:E287"/>
    <mergeCell ref="A328:E328"/>
    <mergeCell ref="A331:B331"/>
    <mergeCell ref="A333:B333"/>
    <mergeCell ref="A335:B335"/>
    <mergeCell ref="D308:E308"/>
    <mergeCell ref="D303:E303"/>
    <mergeCell ref="D310:E310"/>
    <mergeCell ref="D313:E313"/>
    <mergeCell ref="D314:E314"/>
    <mergeCell ref="D311:E311"/>
    <mergeCell ref="D312:E312"/>
    <mergeCell ref="A432:B433"/>
    <mergeCell ref="C432:E432"/>
    <mergeCell ref="D433:E433"/>
    <mergeCell ref="A434:E434"/>
    <mergeCell ref="A435:B435"/>
    <mergeCell ref="D436:E436"/>
    <mergeCell ref="A371:B371"/>
    <mergeCell ref="A374:E374"/>
    <mergeCell ref="A375:B376"/>
    <mergeCell ref="C375:E375"/>
    <mergeCell ref="D376:E376"/>
    <mergeCell ref="A377:E377"/>
    <mergeCell ref="A378:B378"/>
    <mergeCell ref="A380:B380"/>
    <mergeCell ref="A383:E383"/>
    <mergeCell ref="D403:E403"/>
    <mergeCell ref="A384:B385"/>
    <mergeCell ref="C384:E384"/>
    <mergeCell ref="D385:E385"/>
    <mergeCell ref="A386:E386"/>
    <mergeCell ref="A387:B387"/>
    <mergeCell ref="A390:E390"/>
    <mergeCell ref="A391:B392"/>
    <mergeCell ref="C391:E391"/>
    <mergeCell ref="D392:E392"/>
    <mergeCell ref="D388:E388"/>
    <mergeCell ref="A411:B412"/>
    <mergeCell ref="D399:E399"/>
    <mergeCell ref="A401:E401"/>
    <mergeCell ref="A402:B403"/>
    <mergeCell ref="C402:E402"/>
    <mergeCell ref="A418:B419"/>
    <mergeCell ref="B40:C40"/>
    <mergeCell ref="B41:C41"/>
    <mergeCell ref="B43:C43"/>
    <mergeCell ref="A42:E42"/>
    <mergeCell ref="B44:C44"/>
    <mergeCell ref="A45:E45"/>
    <mergeCell ref="B46:C46"/>
    <mergeCell ref="A72:E72"/>
    <mergeCell ref="B73:C73"/>
    <mergeCell ref="B74:C74"/>
    <mergeCell ref="A75:E75"/>
    <mergeCell ref="B76:C76"/>
    <mergeCell ref="A77:E77"/>
    <mergeCell ref="B78:C78"/>
    <mergeCell ref="A471:E471"/>
    <mergeCell ref="A472:B473"/>
    <mergeCell ref="C472:E472"/>
    <mergeCell ref="D473:E473"/>
    <mergeCell ref="A453:B453"/>
    <mergeCell ref="D455:E455"/>
    <mergeCell ref="D454:E454"/>
    <mergeCell ref="A454:B454"/>
    <mergeCell ref="A457:E457"/>
    <mergeCell ref="A458:B459"/>
    <mergeCell ref="C458:E458"/>
    <mergeCell ref="D459:E459"/>
    <mergeCell ref="A79:E79"/>
    <mergeCell ref="B80:C80"/>
    <mergeCell ref="B81:C81"/>
    <mergeCell ref="A82:E82"/>
    <mergeCell ref="B83:C83"/>
    <mergeCell ref="D422:E422"/>
    <mergeCell ref="D496:E496"/>
    <mergeCell ref="A483:E483"/>
    <mergeCell ref="A484:B484"/>
    <mergeCell ref="D485:E485"/>
    <mergeCell ref="A487:E487"/>
    <mergeCell ref="A488:B489"/>
    <mergeCell ref="C488:E488"/>
    <mergeCell ref="D489:E489"/>
    <mergeCell ref="A490:E490"/>
    <mergeCell ref="A491:B491"/>
    <mergeCell ref="D492:E492"/>
    <mergeCell ref="A431:E431"/>
    <mergeCell ref="A413:E413"/>
    <mergeCell ref="A414:B414"/>
    <mergeCell ref="D415:E415"/>
    <mergeCell ref="A417:E417"/>
    <mergeCell ref="C465:E465"/>
    <mergeCell ref="D466:E466"/>
    <mergeCell ref="A467:E467"/>
    <mergeCell ref="A468:B468"/>
    <mergeCell ref="D469:E469"/>
    <mergeCell ref="A450:E450"/>
    <mergeCell ref="A451:B451"/>
    <mergeCell ref="D452:E452"/>
    <mergeCell ref="A441:E441"/>
    <mergeCell ref="A442:B442"/>
    <mergeCell ref="D443:E443"/>
    <mergeCell ref="A444:B444"/>
    <mergeCell ref="D445:E445"/>
    <mergeCell ref="A447:E447"/>
    <mergeCell ref="A448:B449"/>
    <mergeCell ref="C448:E448"/>
    <mergeCell ref="A425:B426"/>
    <mergeCell ref="C425:E425"/>
    <mergeCell ref="D426:E426"/>
    <mergeCell ref="A427:E427"/>
    <mergeCell ref="A428:B428"/>
    <mergeCell ref="D429:E429"/>
    <mergeCell ref="A480:E480"/>
    <mergeCell ref="A481:B482"/>
    <mergeCell ref="C481:E481"/>
    <mergeCell ref="D482:E482"/>
    <mergeCell ref="A405:B405"/>
    <mergeCell ref="D406:E406"/>
    <mergeCell ref="A407:B407"/>
    <mergeCell ref="D408:E408"/>
    <mergeCell ref="A410:E410"/>
    <mergeCell ref="A88:E88"/>
    <mergeCell ref="B89:C89"/>
    <mergeCell ref="A90:E90"/>
    <mergeCell ref="B91:C91"/>
    <mergeCell ref="A404:E404"/>
    <mergeCell ref="A92:E92"/>
    <mergeCell ref="B93:C93"/>
    <mergeCell ref="A94:E94"/>
    <mergeCell ref="B95:C95"/>
    <mergeCell ref="D349:E349"/>
    <mergeCell ref="D267:E267"/>
    <mergeCell ref="A355:B356"/>
    <mergeCell ref="C355:E355"/>
    <mergeCell ref="A357:E357"/>
    <mergeCell ref="A358:B358"/>
    <mergeCell ref="D359:E359"/>
    <mergeCell ref="D449:E449"/>
    <mergeCell ref="A532:E532"/>
    <mergeCell ref="A533:B533"/>
    <mergeCell ref="D520:E520"/>
    <mergeCell ref="C411:E411"/>
    <mergeCell ref="D412:E412"/>
    <mergeCell ref="A393:E393"/>
    <mergeCell ref="A394:B394"/>
    <mergeCell ref="D395:E395"/>
    <mergeCell ref="A396:B396"/>
    <mergeCell ref="D397:E397"/>
    <mergeCell ref="A398:B398"/>
    <mergeCell ref="A522:E522"/>
    <mergeCell ref="A523:B524"/>
    <mergeCell ref="C523:E523"/>
    <mergeCell ref="D524:E524"/>
    <mergeCell ref="A511:E511"/>
    <mergeCell ref="A512:B512"/>
    <mergeCell ref="D513:E513"/>
    <mergeCell ref="A515:E515"/>
    <mergeCell ref="A516:B517"/>
    <mergeCell ref="C516:E516"/>
    <mergeCell ref="D517:E517"/>
    <mergeCell ref="A518:E518"/>
    <mergeCell ref="A519:B519"/>
    <mergeCell ref="A494:E494"/>
    <mergeCell ref="A495:B496"/>
    <mergeCell ref="C495:E495"/>
    <mergeCell ref="C418:E418"/>
    <mergeCell ref="D419:E419"/>
    <mergeCell ref="A420:E420"/>
    <mergeCell ref="A421:B421"/>
    <mergeCell ref="A424:E424"/>
    <mergeCell ref="A96:E96"/>
    <mergeCell ref="B97:C97"/>
    <mergeCell ref="B98:C98"/>
    <mergeCell ref="A525:E525"/>
    <mergeCell ref="A526:B526"/>
    <mergeCell ref="D527:E527"/>
    <mergeCell ref="A529:E529"/>
    <mergeCell ref="A530:B531"/>
    <mergeCell ref="C530:E530"/>
    <mergeCell ref="D531:E531"/>
    <mergeCell ref="A508:E508"/>
    <mergeCell ref="A509:B510"/>
    <mergeCell ref="C509:E509"/>
    <mergeCell ref="D510:E510"/>
    <mergeCell ref="A497:E497"/>
    <mergeCell ref="A498:B498"/>
    <mergeCell ref="D499:E499"/>
    <mergeCell ref="A501:E501"/>
    <mergeCell ref="A502:B503"/>
    <mergeCell ref="C502:E502"/>
    <mergeCell ref="D503:E503"/>
    <mergeCell ref="A504:E504"/>
    <mergeCell ref="A505:B505"/>
    <mergeCell ref="D506:E506"/>
    <mergeCell ref="A137:E137"/>
    <mergeCell ref="B138:C138"/>
    <mergeCell ref="A139:E139"/>
    <mergeCell ref="B140:C140"/>
    <mergeCell ref="B170:C170"/>
    <mergeCell ref="B171:C171"/>
    <mergeCell ref="B172:C172"/>
    <mergeCell ref="A182:E182"/>
    <mergeCell ref="A548:E548"/>
    <mergeCell ref="A549:B549"/>
    <mergeCell ref="D570:E570"/>
    <mergeCell ref="D564:E564"/>
    <mergeCell ref="D568:E568"/>
    <mergeCell ref="D565:E565"/>
    <mergeCell ref="D566:E566"/>
    <mergeCell ref="D567:E567"/>
    <mergeCell ref="D580:E580"/>
    <mergeCell ref="D581:E581"/>
    <mergeCell ref="D582:E582"/>
    <mergeCell ref="A584:E584"/>
    <mergeCell ref="A585:B586"/>
    <mergeCell ref="C585:E585"/>
    <mergeCell ref="A661:E661"/>
    <mergeCell ref="D577:E577"/>
    <mergeCell ref="D578:E578"/>
    <mergeCell ref="D579:E579"/>
    <mergeCell ref="D557:E557"/>
    <mergeCell ref="A559:E559"/>
    <mergeCell ref="A560:B561"/>
    <mergeCell ref="C560:E560"/>
    <mergeCell ref="D597:E597"/>
    <mergeCell ref="A598:B598"/>
    <mergeCell ref="D586:E586"/>
    <mergeCell ref="A587:E587"/>
    <mergeCell ref="A572:E572"/>
    <mergeCell ref="A573:B574"/>
    <mergeCell ref="C573:E573"/>
    <mergeCell ref="D574:E574"/>
    <mergeCell ref="A575:E575"/>
    <mergeCell ref="A576:B576"/>
    <mergeCell ref="B167:C167"/>
    <mergeCell ref="B168:C168"/>
    <mergeCell ref="B169:C169"/>
    <mergeCell ref="A691:E691"/>
    <mergeCell ref="A679:B679"/>
    <mergeCell ref="D680:E680"/>
    <mergeCell ref="A682:E682"/>
    <mergeCell ref="A683:B684"/>
    <mergeCell ref="C683:E683"/>
    <mergeCell ref="D684:E684"/>
    <mergeCell ref="A685:E685"/>
    <mergeCell ref="A686:B686"/>
    <mergeCell ref="D687:E687"/>
    <mergeCell ref="A671:E671"/>
    <mergeCell ref="A672:B673"/>
    <mergeCell ref="C672:E672"/>
    <mergeCell ref="D673:E673"/>
    <mergeCell ref="A674:E674"/>
    <mergeCell ref="A675:B675"/>
    <mergeCell ref="D676:E676"/>
    <mergeCell ref="A677:B677"/>
    <mergeCell ref="D678:E678"/>
    <mergeCell ref="A664:E664"/>
    <mergeCell ref="A665:B665"/>
    <mergeCell ref="D667:E667"/>
    <mergeCell ref="A668:B668"/>
    <mergeCell ref="D669:E669"/>
    <mergeCell ref="D666:E666"/>
    <mergeCell ref="D534:E534"/>
    <mergeCell ref="A535:B535"/>
    <mergeCell ref="D536:E536"/>
    <mergeCell ref="D550:E550"/>
    <mergeCell ref="B159:C159"/>
    <mergeCell ref="B160:C160"/>
    <mergeCell ref="B161:C161"/>
    <mergeCell ref="A702:B702"/>
    <mergeCell ref="D703:E703"/>
    <mergeCell ref="D704:E704"/>
    <mergeCell ref="A141:E141"/>
    <mergeCell ref="B142:C142"/>
    <mergeCell ref="A706:E706"/>
    <mergeCell ref="A707:B708"/>
    <mergeCell ref="C707:E707"/>
    <mergeCell ref="D708:E708"/>
    <mergeCell ref="A692:B693"/>
    <mergeCell ref="C692:E692"/>
    <mergeCell ref="D693:E693"/>
    <mergeCell ref="A694:E694"/>
    <mergeCell ref="A695:B695"/>
    <mergeCell ref="D696:E696"/>
    <mergeCell ref="A698:E698"/>
    <mergeCell ref="A699:B700"/>
    <mergeCell ref="C699:E699"/>
    <mergeCell ref="D700:E700"/>
    <mergeCell ref="D688:E688"/>
    <mergeCell ref="D689:E689"/>
    <mergeCell ref="A662:B663"/>
    <mergeCell ref="C662:E662"/>
    <mergeCell ref="D663:E663"/>
    <mergeCell ref="B162:C162"/>
    <mergeCell ref="B163:C163"/>
    <mergeCell ref="B164:C164"/>
    <mergeCell ref="B165:C165"/>
    <mergeCell ref="B166:C166"/>
    <mergeCell ref="A727:B727"/>
    <mergeCell ref="D728:E728"/>
    <mergeCell ref="A729:B729"/>
    <mergeCell ref="A709:E709"/>
    <mergeCell ref="A710:B710"/>
    <mergeCell ref="D711:E711"/>
    <mergeCell ref="A143:E143"/>
    <mergeCell ref="B144:C144"/>
    <mergeCell ref="A145:E145"/>
    <mergeCell ref="B146:C146"/>
    <mergeCell ref="B147:C147"/>
    <mergeCell ref="B148:C148"/>
    <mergeCell ref="B149:C149"/>
    <mergeCell ref="B150:C150"/>
    <mergeCell ref="B151:C151"/>
    <mergeCell ref="B152:C152"/>
    <mergeCell ref="B153:C153"/>
    <mergeCell ref="B154:C154"/>
    <mergeCell ref="B155:C155"/>
    <mergeCell ref="B175:C175"/>
    <mergeCell ref="B176:C176"/>
    <mergeCell ref="B177:C177"/>
    <mergeCell ref="B178:C178"/>
    <mergeCell ref="A179:E179"/>
    <mergeCell ref="B180:C180"/>
    <mergeCell ref="B181:C181"/>
    <mergeCell ref="A701:E701"/>
    <mergeCell ref="B173:C173"/>
    <mergeCell ref="B174:C174"/>
    <mergeCell ref="A156:E156"/>
    <mergeCell ref="B157:C157"/>
    <mergeCell ref="B158:C158"/>
    <mergeCell ref="D773:E773"/>
    <mergeCell ref="A774:B774"/>
    <mergeCell ref="D775:E775"/>
    <mergeCell ref="A776:B776"/>
    <mergeCell ref="D777:E777"/>
    <mergeCell ref="A778:B778"/>
    <mergeCell ref="A754:B754"/>
    <mergeCell ref="D755:E755"/>
    <mergeCell ref="A756:B756"/>
    <mergeCell ref="D759:E759"/>
    <mergeCell ref="A713:E713"/>
    <mergeCell ref="A714:B715"/>
    <mergeCell ref="C714:E714"/>
    <mergeCell ref="D715:E715"/>
    <mergeCell ref="A716:E716"/>
    <mergeCell ref="A717:B717"/>
    <mergeCell ref="D718:E718"/>
    <mergeCell ref="A719:B719"/>
    <mergeCell ref="D720:E720"/>
    <mergeCell ref="D730:E730"/>
    <mergeCell ref="A731:B731"/>
    <mergeCell ref="D732:E732"/>
    <mergeCell ref="A733:B733"/>
    <mergeCell ref="D734:E734"/>
    <mergeCell ref="A735:B735"/>
    <mergeCell ref="D736:E736"/>
    <mergeCell ref="A721:B721"/>
    <mergeCell ref="D722:E722"/>
    <mergeCell ref="A723:B723"/>
    <mergeCell ref="D724:E724"/>
    <mergeCell ref="A725:B725"/>
    <mergeCell ref="D726:E726"/>
    <mergeCell ref="D761:E761"/>
    <mergeCell ref="A762:B762"/>
    <mergeCell ref="D745:E745"/>
    <mergeCell ref="D747:E747"/>
    <mergeCell ref="D749:E749"/>
    <mergeCell ref="A793:B793"/>
    <mergeCell ref="D794:E794"/>
    <mergeCell ref="D781:E781"/>
    <mergeCell ref="A782:B782"/>
    <mergeCell ref="D783:E783"/>
    <mergeCell ref="A784:B784"/>
    <mergeCell ref="D785:E785"/>
    <mergeCell ref="D751:E751"/>
    <mergeCell ref="D753:E753"/>
    <mergeCell ref="D740:E740"/>
    <mergeCell ref="A738:E738"/>
    <mergeCell ref="A739:B740"/>
    <mergeCell ref="C739:E739"/>
    <mergeCell ref="A741:E741"/>
    <mergeCell ref="D743:E743"/>
    <mergeCell ref="D779:E779"/>
    <mergeCell ref="A780:B780"/>
    <mergeCell ref="D763:E763"/>
    <mergeCell ref="A764:B764"/>
    <mergeCell ref="D765:E765"/>
    <mergeCell ref="A766:B766"/>
    <mergeCell ref="D767:E767"/>
    <mergeCell ref="A768:B768"/>
    <mergeCell ref="D769:E769"/>
    <mergeCell ref="A770:B770"/>
    <mergeCell ref="D771:E771"/>
    <mergeCell ref="A772:B772"/>
    <mergeCell ref="B183:C183"/>
    <mergeCell ref="B184:C184"/>
    <mergeCell ref="B185:C185"/>
    <mergeCell ref="B186:C186"/>
    <mergeCell ref="B187:C187"/>
    <mergeCell ref="B188:C188"/>
    <mergeCell ref="A189:E189"/>
    <mergeCell ref="B190:C190"/>
    <mergeCell ref="A191:E191"/>
    <mergeCell ref="B192:C192"/>
    <mergeCell ref="A804:B804"/>
    <mergeCell ref="D805:E805"/>
    <mergeCell ref="A806:B806"/>
    <mergeCell ref="D807:E807"/>
    <mergeCell ref="A808:B808"/>
    <mergeCell ref="D809:E809"/>
    <mergeCell ref="A810:B810"/>
    <mergeCell ref="A796:E796"/>
    <mergeCell ref="A797:B798"/>
    <mergeCell ref="C797:E797"/>
    <mergeCell ref="D798:E798"/>
    <mergeCell ref="A799:E799"/>
    <mergeCell ref="A800:B800"/>
    <mergeCell ref="D801:E801"/>
    <mergeCell ref="A802:B802"/>
    <mergeCell ref="D803:E803"/>
    <mergeCell ref="A787:E787"/>
    <mergeCell ref="A788:B789"/>
    <mergeCell ref="C788:E788"/>
    <mergeCell ref="D789:E789"/>
    <mergeCell ref="A790:E790"/>
    <mergeCell ref="A791:B791"/>
    <mergeCell ref="A820:E820"/>
    <mergeCell ref="A821:B822"/>
    <mergeCell ref="C821:E821"/>
    <mergeCell ref="D822:E822"/>
    <mergeCell ref="A823:E823"/>
    <mergeCell ref="A824:B824"/>
    <mergeCell ref="D825:E825"/>
    <mergeCell ref="A193:E193"/>
    <mergeCell ref="B194:C194"/>
    <mergeCell ref="B195:C195"/>
    <mergeCell ref="B196:C196"/>
    <mergeCell ref="B197:C197"/>
    <mergeCell ref="B198:C198"/>
    <mergeCell ref="B199:C199"/>
    <mergeCell ref="B200:C200"/>
    <mergeCell ref="A813:E813"/>
    <mergeCell ref="A814:B815"/>
    <mergeCell ref="C814:E814"/>
    <mergeCell ref="D815:E815"/>
    <mergeCell ref="A816:E816"/>
    <mergeCell ref="A817:B817"/>
    <mergeCell ref="D818:E818"/>
    <mergeCell ref="D811:E811"/>
    <mergeCell ref="D792:E792"/>
    <mergeCell ref="A248:E248"/>
    <mergeCell ref="B249:C249"/>
    <mergeCell ref="B250:C250"/>
    <mergeCell ref="B251:C251"/>
    <mergeCell ref="B252:C252"/>
    <mergeCell ref="B253:C253"/>
    <mergeCell ref="B254:C254"/>
    <mergeCell ref="D757:E757"/>
    <mergeCell ref="D1027:E1027"/>
    <mergeCell ref="A1028:B1028"/>
    <mergeCell ref="D1029:E1029"/>
    <mergeCell ref="A827:E827"/>
    <mergeCell ref="A828:B829"/>
    <mergeCell ref="C828:E828"/>
    <mergeCell ref="D829:E829"/>
    <mergeCell ref="A830:E830"/>
    <mergeCell ref="A831:B831"/>
    <mergeCell ref="D832:E832"/>
    <mergeCell ref="A833:B833"/>
    <mergeCell ref="D834:E834"/>
    <mergeCell ref="D844:E844"/>
    <mergeCell ref="A835:B835"/>
    <mergeCell ref="D836:E836"/>
    <mergeCell ref="A837:B837"/>
    <mergeCell ref="D838:E838"/>
    <mergeCell ref="A839:B839"/>
    <mergeCell ref="D840:E840"/>
    <mergeCell ref="A841:B841"/>
    <mergeCell ref="D842:E842"/>
    <mergeCell ref="A843:B843"/>
    <mergeCell ref="A846:E846"/>
    <mergeCell ref="A847:B848"/>
    <mergeCell ref="C847:E847"/>
    <mergeCell ref="D848:E848"/>
    <mergeCell ref="D884:E884"/>
    <mergeCell ref="D867:E867"/>
    <mergeCell ref="D869:E869"/>
    <mergeCell ref="D871:E871"/>
    <mergeCell ref="A873:E873"/>
    <mergeCell ref="A874:B875"/>
    <mergeCell ref="A742:E742"/>
    <mergeCell ref="A744:E744"/>
    <mergeCell ref="A746:E746"/>
    <mergeCell ref="A748:E748"/>
    <mergeCell ref="A750:E750"/>
    <mergeCell ref="A752:E752"/>
    <mergeCell ref="A760:E760"/>
    <mergeCell ref="A758:E758"/>
    <mergeCell ref="A868:E868"/>
    <mergeCell ref="A870:E870"/>
    <mergeCell ref="A1048:A1054"/>
    <mergeCell ref="D1048:E1048"/>
    <mergeCell ref="D1049:E1049"/>
    <mergeCell ref="D1050:E1050"/>
    <mergeCell ref="D1051:E1051"/>
    <mergeCell ref="D1052:E1052"/>
    <mergeCell ref="D1053:E1053"/>
    <mergeCell ref="D1054:E1054"/>
    <mergeCell ref="A1014:E1014"/>
    <mergeCell ref="A1015:B1016"/>
    <mergeCell ref="C1015:E1015"/>
    <mergeCell ref="D1016:E1016"/>
    <mergeCell ref="A1017:E1017"/>
    <mergeCell ref="A1018:B1018"/>
    <mergeCell ref="D1019:E1019"/>
    <mergeCell ref="A1020:B1020"/>
    <mergeCell ref="D1021:E1021"/>
    <mergeCell ref="A1022:B1022"/>
    <mergeCell ref="D1023:E1023"/>
    <mergeCell ref="A1024:B1024"/>
    <mergeCell ref="D1025:E1025"/>
    <mergeCell ref="A1026:B1026"/>
  </mergeCells>
  <conditionalFormatting sqref="B1082:C1085 C288:C292 C296:C299 C302:C306 C311:C315 C1055:C1067">
    <cfRule type="containsBlanks" dxfId="193" priority="244">
      <formula>LEN(TRIM(B288))=0</formula>
    </cfRule>
  </conditionalFormatting>
  <conditionalFormatting sqref="D1093:E1093">
    <cfRule type="containsBlanks" dxfId="192" priority="243">
      <formula>LEN(TRIM(D1093))=0</formula>
    </cfRule>
  </conditionalFormatting>
  <conditionalFormatting sqref="D1094:E1094">
    <cfRule type="containsBlanks" dxfId="191" priority="242">
      <formula>LEN(TRIM(D1094))=0</formula>
    </cfRule>
  </conditionalFormatting>
  <conditionalFormatting sqref="C1073">
    <cfRule type="containsBlanks" dxfId="190" priority="233">
      <formula>LEN(TRIM(C1073))=0</formula>
    </cfRule>
  </conditionalFormatting>
  <conditionalFormatting sqref="C1074">
    <cfRule type="containsBlanks" dxfId="189" priority="232">
      <formula>LEN(TRIM(C1074))=0</formula>
    </cfRule>
  </conditionalFormatting>
  <conditionalFormatting sqref="C1075">
    <cfRule type="containsBlanks" dxfId="188" priority="230">
      <formula>LEN(TRIM(C1075))=0</formula>
    </cfRule>
  </conditionalFormatting>
  <conditionalFormatting sqref="B1091">
    <cfRule type="containsBlanks" dxfId="187" priority="223">
      <formula>LEN(TRIM(B1091))=0</formula>
    </cfRule>
  </conditionalFormatting>
  <conditionalFormatting sqref="B4">
    <cfRule type="containsBlanks" dxfId="186" priority="225">
      <formula>LEN(TRIM(B4))=0</formula>
    </cfRule>
  </conditionalFormatting>
  <conditionalFormatting sqref="B5">
    <cfRule type="containsBlanks" dxfId="185" priority="224">
      <formula>LEN(TRIM(B5))=0</formula>
    </cfRule>
  </conditionalFormatting>
  <conditionalFormatting sqref="B1092">
    <cfRule type="containsBlanks" dxfId="184" priority="222">
      <formula>LEN(TRIM(B1092))=0</formula>
    </cfRule>
  </conditionalFormatting>
  <conditionalFormatting sqref="C1035:C1047">
    <cfRule type="containsBlanks" dxfId="183" priority="218">
      <formula>LEN(TRIM(C1035))=0</formula>
    </cfRule>
  </conditionalFormatting>
  <conditionalFormatting sqref="C294:C295">
    <cfRule type="containsBlanks" dxfId="182" priority="215">
      <formula>LEN(TRIM(C294))=0</formula>
    </cfRule>
  </conditionalFormatting>
  <conditionalFormatting sqref="C300:C301">
    <cfRule type="containsBlanks" dxfId="181" priority="213">
      <formula>LEN(TRIM(C300))=0</formula>
    </cfRule>
  </conditionalFormatting>
  <conditionalFormatting sqref="C307:C308">
    <cfRule type="containsBlanks" dxfId="180" priority="212">
      <formula>LEN(TRIM(C307))=0</formula>
    </cfRule>
  </conditionalFormatting>
  <conditionalFormatting sqref="C309:C310">
    <cfRule type="containsBlanks" dxfId="179" priority="211">
      <formula>LEN(TRIM(C309))=0</formula>
    </cfRule>
  </conditionalFormatting>
  <conditionalFormatting sqref="C316:C317">
    <cfRule type="containsBlanks" dxfId="178" priority="210">
      <formula>LEN(TRIM(C316))=0</formula>
    </cfRule>
  </conditionalFormatting>
  <conditionalFormatting sqref="C1076">
    <cfRule type="containsBlanks" dxfId="177" priority="205">
      <formula>LEN(TRIM(C1076))=0</formula>
    </cfRule>
  </conditionalFormatting>
  <conditionalFormatting sqref="C320:C323">
    <cfRule type="containsBlanks" dxfId="176" priority="204">
      <formula>LEN(TRIM(C320))=0</formula>
    </cfRule>
  </conditionalFormatting>
  <conditionalFormatting sqref="C318:C319">
    <cfRule type="containsBlanks" dxfId="175" priority="203">
      <formula>LEN(TRIM(C318))=0</formula>
    </cfRule>
  </conditionalFormatting>
  <conditionalFormatting sqref="C347 C350 C352">
    <cfRule type="containsBlanks" dxfId="174" priority="181">
      <formula>LEN(TRIM(C347))=0</formula>
    </cfRule>
  </conditionalFormatting>
  <conditionalFormatting sqref="C330 C332 C334 C336 C338 C340">
    <cfRule type="containsBlanks" dxfId="173" priority="182">
      <formula>LEN(TRIM(C330))=0</formula>
    </cfRule>
  </conditionalFormatting>
  <conditionalFormatting sqref="C359">
    <cfRule type="containsBlanks" dxfId="172" priority="179">
      <formula>LEN(TRIM(C359))=0</formula>
    </cfRule>
  </conditionalFormatting>
  <conditionalFormatting sqref="C349">
    <cfRule type="containsBlanks" dxfId="171" priority="180">
      <formula>LEN(TRIM(C349))=0</formula>
    </cfRule>
  </conditionalFormatting>
  <conditionalFormatting sqref="C368 C372">
    <cfRule type="containsBlanks" dxfId="170" priority="177">
      <formula>LEN(TRIM(C368))=0</formula>
    </cfRule>
  </conditionalFormatting>
  <conditionalFormatting sqref="C361">
    <cfRule type="containsBlanks" dxfId="169" priority="178">
      <formula>LEN(TRIM(C361))=0</formula>
    </cfRule>
  </conditionalFormatting>
  <conditionalFormatting sqref="C370">
    <cfRule type="containsBlanks" dxfId="168" priority="176">
      <formula>LEN(TRIM(C370))=0</formula>
    </cfRule>
  </conditionalFormatting>
  <conditionalFormatting sqref="C281:C287">
    <cfRule type="containsBlanks" dxfId="167" priority="195">
      <formula>LEN(TRIM(C281))=0</formula>
    </cfRule>
  </conditionalFormatting>
  <conditionalFormatting sqref="C274:C280">
    <cfRule type="containsBlanks" dxfId="166" priority="194">
      <formula>LEN(TRIM(C274))=0</formula>
    </cfRule>
  </conditionalFormatting>
  <conditionalFormatting sqref="C267:C273">
    <cfRule type="containsBlanks" dxfId="165" priority="193">
      <formula>LEN(TRIM(C267))=0</formula>
    </cfRule>
  </conditionalFormatting>
  <conditionalFormatting sqref="C379">
    <cfRule type="containsBlanks" dxfId="164" priority="175">
      <formula>LEN(TRIM(C379))=0</formula>
    </cfRule>
  </conditionalFormatting>
  <conditionalFormatting sqref="C381">
    <cfRule type="containsBlanks" dxfId="163" priority="174">
      <formula>LEN(TRIM(C381))=0</formula>
    </cfRule>
  </conditionalFormatting>
  <conditionalFormatting sqref="C397">
    <cfRule type="containsBlanks" dxfId="162" priority="170">
      <formula>LEN(TRIM(C397))=0</formula>
    </cfRule>
  </conditionalFormatting>
  <conditionalFormatting sqref="C388">
    <cfRule type="containsBlanks" dxfId="161" priority="173">
      <formula>LEN(TRIM(C388))=0</formula>
    </cfRule>
  </conditionalFormatting>
  <conditionalFormatting sqref="C395 C399">
    <cfRule type="containsBlanks" dxfId="160" priority="171">
      <formula>LEN(TRIM(C395))=0</formula>
    </cfRule>
  </conditionalFormatting>
  <conditionalFormatting sqref="C406">
    <cfRule type="containsBlanks" dxfId="159" priority="169">
      <formula>LEN(TRIM(C406))=0</formula>
    </cfRule>
  </conditionalFormatting>
  <conditionalFormatting sqref="C408">
    <cfRule type="containsBlanks" dxfId="158" priority="168">
      <formula>LEN(TRIM(C408))=0</formula>
    </cfRule>
  </conditionalFormatting>
  <conditionalFormatting sqref="C415">
    <cfRule type="containsBlanks" dxfId="157" priority="167">
      <formula>LEN(TRIM(C415))=0</formula>
    </cfRule>
  </conditionalFormatting>
  <conditionalFormatting sqref="C429">
    <cfRule type="containsBlanks" dxfId="156" priority="165">
      <formula>LEN(TRIM(C429))=0</formula>
    </cfRule>
  </conditionalFormatting>
  <conditionalFormatting sqref="C422">
    <cfRule type="containsBlanks" dxfId="155" priority="166">
      <formula>LEN(TRIM(C422))=0</formula>
    </cfRule>
  </conditionalFormatting>
  <conditionalFormatting sqref="C436">
    <cfRule type="containsBlanks" dxfId="154" priority="164">
      <formula>LEN(TRIM(C436))=0</formula>
    </cfRule>
  </conditionalFormatting>
  <conditionalFormatting sqref="C443">
    <cfRule type="containsBlanks" dxfId="153" priority="163">
      <formula>LEN(TRIM(C443))=0</formula>
    </cfRule>
  </conditionalFormatting>
  <conditionalFormatting sqref="C445">
    <cfRule type="containsBlanks" dxfId="152" priority="162">
      <formula>LEN(TRIM(C445))=0</formula>
    </cfRule>
  </conditionalFormatting>
  <conditionalFormatting sqref="C452">
    <cfRule type="containsBlanks" dxfId="151" priority="161">
      <formula>LEN(TRIM(C452))=0</formula>
    </cfRule>
  </conditionalFormatting>
  <conditionalFormatting sqref="C455">
    <cfRule type="containsBlanks" dxfId="150" priority="160">
      <formula>LEN(TRIM(C455))=0</formula>
    </cfRule>
  </conditionalFormatting>
  <conditionalFormatting sqref="C454">
    <cfRule type="containsBlanks" dxfId="149" priority="159">
      <formula>LEN(TRIM(C454))=0</formula>
    </cfRule>
  </conditionalFormatting>
  <conditionalFormatting sqref="C462">
    <cfRule type="containsBlanks" dxfId="148" priority="158">
      <formula>LEN(TRIM(C462))=0</formula>
    </cfRule>
  </conditionalFormatting>
  <conditionalFormatting sqref="C476">
    <cfRule type="containsBlanks" dxfId="147" priority="156">
      <formula>LEN(TRIM(C476))=0</formula>
    </cfRule>
  </conditionalFormatting>
  <conditionalFormatting sqref="C469">
    <cfRule type="containsBlanks" dxfId="146" priority="157">
      <formula>LEN(TRIM(C469))=0</formula>
    </cfRule>
  </conditionalFormatting>
  <conditionalFormatting sqref="C478">
    <cfRule type="containsBlanks" dxfId="145" priority="155">
      <formula>LEN(TRIM(C478))=0</formula>
    </cfRule>
  </conditionalFormatting>
  <conditionalFormatting sqref="C485">
    <cfRule type="containsBlanks" dxfId="144" priority="154">
      <formula>LEN(TRIM(C485))=0</formula>
    </cfRule>
  </conditionalFormatting>
  <conditionalFormatting sqref="C492">
    <cfRule type="containsBlanks" dxfId="143" priority="153">
      <formula>LEN(TRIM(C492))=0</formula>
    </cfRule>
  </conditionalFormatting>
  <conditionalFormatting sqref="C499">
    <cfRule type="containsBlanks" dxfId="142" priority="152">
      <formula>LEN(TRIM(C499))=0</formula>
    </cfRule>
  </conditionalFormatting>
  <conditionalFormatting sqref="C506">
    <cfRule type="containsBlanks" dxfId="141" priority="151">
      <formula>LEN(TRIM(C506))=0</formula>
    </cfRule>
  </conditionalFormatting>
  <conditionalFormatting sqref="C513">
    <cfRule type="containsBlanks" dxfId="140" priority="150">
      <formula>LEN(TRIM(C513))=0</formula>
    </cfRule>
  </conditionalFormatting>
  <conditionalFormatting sqref="C520">
    <cfRule type="containsBlanks" dxfId="139" priority="149">
      <formula>LEN(TRIM(C520))=0</formula>
    </cfRule>
  </conditionalFormatting>
  <conditionalFormatting sqref="C527">
    <cfRule type="containsBlanks" dxfId="138" priority="148">
      <formula>LEN(TRIM(C527))=0</formula>
    </cfRule>
  </conditionalFormatting>
  <conditionalFormatting sqref="C534">
    <cfRule type="containsBlanks" dxfId="137" priority="147">
      <formula>LEN(TRIM(C534))=0</formula>
    </cfRule>
  </conditionalFormatting>
  <conditionalFormatting sqref="C536">
    <cfRule type="containsBlanks" dxfId="136" priority="146">
      <formula>LEN(TRIM(C536))=0</formula>
    </cfRule>
  </conditionalFormatting>
  <conditionalFormatting sqref="C543">
    <cfRule type="containsBlanks" dxfId="135" priority="145">
      <formula>LEN(TRIM(C543))=0</formula>
    </cfRule>
  </conditionalFormatting>
  <conditionalFormatting sqref="C550">
    <cfRule type="containsBlanks" dxfId="134" priority="144">
      <formula>LEN(TRIM(C550))=0</formula>
    </cfRule>
  </conditionalFormatting>
  <conditionalFormatting sqref="C557">
    <cfRule type="containsBlanks" dxfId="133" priority="143">
      <formula>LEN(TRIM(C557))=0</formula>
    </cfRule>
  </conditionalFormatting>
  <conditionalFormatting sqref="C569">
    <cfRule type="containsBlanks" dxfId="132" priority="142">
      <formula>LEN(TRIM(C569))=0</formula>
    </cfRule>
  </conditionalFormatting>
  <conditionalFormatting sqref="C570">
    <cfRule type="containsBlanks" dxfId="131" priority="141">
      <formula>LEN(TRIM(C570))=0</formula>
    </cfRule>
  </conditionalFormatting>
  <conditionalFormatting sqref="C564">
    <cfRule type="containsBlanks" dxfId="130" priority="140">
      <formula>LEN(TRIM(C564))=0</formula>
    </cfRule>
  </conditionalFormatting>
  <conditionalFormatting sqref="C568">
    <cfRule type="containsBlanks" dxfId="129" priority="139">
      <formula>LEN(TRIM(C568))=0</formula>
    </cfRule>
  </conditionalFormatting>
  <conditionalFormatting sqref="C566">
    <cfRule type="containsBlanks" dxfId="128" priority="138">
      <formula>LEN(TRIM(C566))=0</formula>
    </cfRule>
  </conditionalFormatting>
  <conditionalFormatting sqref="C567">
    <cfRule type="containsBlanks" dxfId="127" priority="137">
      <formula>LEN(TRIM(C567))=0</formula>
    </cfRule>
  </conditionalFormatting>
  <conditionalFormatting sqref="C565">
    <cfRule type="containsBlanks" dxfId="126" priority="136">
      <formula>LEN(TRIM(C565))=0</formula>
    </cfRule>
  </conditionalFormatting>
  <conditionalFormatting sqref="C582">
    <cfRule type="containsBlanks" dxfId="125" priority="135">
      <formula>LEN(TRIM(C582))=0</formula>
    </cfRule>
  </conditionalFormatting>
  <conditionalFormatting sqref="C581">
    <cfRule type="containsBlanks" dxfId="124" priority="132">
      <formula>LEN(TRIM(C581))=0</formula>
    </cfRule>
  </conditionalFormatting>
  <conditionalFormatting sqref="C577">
    <cfRule type="containsBlanks" dxfId="123" priority="133">
      <formula>LEN(TRIM(C577))=0</formula>
    </cfRule>
  </conditionalFormatting>
  <conditionalFormatting sqref="C580">
    <cfRule type="containsBlanks" dxfId="122" priority="130">
      <formula>LEN(TRIM(C580))=0</formula>
    </cfRule>
  </conditionalFormatting>
  <conditionalFormatting sqref="C579">
    <cfRule type="containsBlanks" dxfId="121" priority="131">
      <formula>LEN(TRIM(C579))=0</formula>
    </cfRule>
  </conditionalFormatting>
  <conditionalFormatting sqref="C578">
    <cfRule type="containsBlanks" dxfId="120" priority="129">
      <formula>LEN(TRIM(C578))=0</formula>
    </cfRule>
  </conditionalFormatting>
  <conditionalFormatting sqref="C589 C593">
    <cfRule type="containsBlanks" dxfId="119" priority="128">
      <formula>LEN(TRIM(C589))=0</formula>
    </cfRule>
  </conditionalFormatting>
  <conditionalFormatting sqref="C591">
    <cfRule type="containsBlanks" dxfId="118" priority="127">
      <formula>LEN(TRIM(C591))=0</formula>
    </cfRule>
  </conditionalFormatting>
  <conditionalFormatting sqref="C611 C620">
    <cfRule type="containsBlanks" dxfId="117" priority="122">
      <formula>LEN(TRIM(C611))=0</formula>
    </cfRule>
  </conditionalFormatting>
  <conditionalFormatting sqref="C597">
    <cfRule type="containsBlanks" dxfId="116" priority="125">
      <formula>LEN(TRIM(C597))=0</formula>
    </cfRule>
  </conditionalFormatting>
  <conditionalFormatting sqref="C599">
    <cfRule type="containsBlanks" dxfId="115" priority="126">
      <formula>LEN(TRIM(C599))=0</formula>
    </cfRule>
  </conditionalFormatting>
  <conditionalFormatting sqref="C596">
    <cfRule type="containsBlanks" dxfId="114" priority="124">
      <formula>LEN(TRIM(C596))=0</formula>
    </cfRule>
  </conditionalFormatting>
  <conditionalFormatting sqref="C595">
    <cfRule type="containsBlanks" dxfId="113" priority="123">
      <formula>LEN(TRIM(C595))=0</formula>
    </cfRule>
  </conditionalFormatting>
  <conditionalFormatting sqref="C613">
    <cfRule type="containsBlanks" dxfId="112" priority="121">
      <formula>LEN(TRIM(C613))=0</formula>
    </cfRule>
  </conditionalFormatting>
  <conditionalFormatting sqref="C609">
    <cfRule type="containsBlanks" dxfId="111" priority="116">
      <formula>LEN(TRIM(C609))=0</formula>
    </cfRule>
  </conditionalFormatting>
  <conditionalFormatting sqref="C608">
    <cfRule type="containsBlanks" dxfId="110" priority="115">
      <formula>LEN(TRIM(C608))=0</formula>
    </cfRule>
  </conditionalFormatting>
  <conditionalFormatting sqref="C629">
    <cfRule type="containsBlanks" dxfId="109" priority="120">
      <formula>LEN(TRIM(C629))=0</formula>
    </cfRule>
  </conditionalFormatting>
  <conditionalFormatting sqref="C627">
    <cfRule type="containsBlanks" dxfId="108" priority="117">
      <formula>LEN(TRIM(C627))=0</formula>
    </cfRule>
  </conditionalFormatting>
  <conditionalFormatting sqref="C610">
    <cfRule type="containsBlanks" dxfId="107" priority="112">
      <formula>LEN(TRIM(C610))=0</formula>
    </cfRule>
  </conditionalFormatting>
  <conditionalFormatting sqref="C607">
    <cfRule type="containsBlanks" dxfId="106" priority="114">
      <formula>LEN(TRIM(C607))=0</formula>
    </cfRule>
  </conditionalFormatting>
  <conditionalFormatting sqref="C606">
    <cfRule type="containsBlanks" dxfId="105" priority="113">
      <formula>LEN(TRIM(C606))=0</formula>
    </cfRule>
  </conditionalFormatting>
  <conditionalFormatting sqref="C618">
    <cfRule type="containsBlanks" dxfId="104" priority="111">
      <formula>LEN(TRIM(C618))=0</formula>
    </cfRule>
  </conditionalFormatting>
  <conditionalFormatting sqref="C617">
    <cfRule type="containsBlanks" dxfId="103" priority="107">
      <formula>LEN(TRIM(C617))=0</formula>
    </cfRule>
  </conditionalFormatting>
  <conditionalFormatting sqref="C616">
    <cfRule type="containsBlanks" dxfId="102" priority="110">
      <formula>LEN(TRIM(C616))=0</formula>
    </cfRule>
  </conditionalFormatting>
  <conditionalFormatting sqref="C615">
    <cfRule type="containsBlanks" dxfId="101" priority="109">
      <formula>LEN(TRIM(C615))=0</formula>
    </cfRule>
  </conditionalFormatting>
  <conditionalFormatting sqref="C614">
    <cfRule type="containsBlanks" dxfId="100" priority="108">
      <formula>LEN(TRIM(C614))=0</formula>
    </cfRule>
  </conditionalFormatting>
  <conditionalFormatting sqref="C622">
    <cfRule type="containsBlanks" dxfId="99" priority="104">
      <formula>LEN(TRIM(C622))=0</formula>
    </cfRule>
  </conditionalFormatting>
  <conditionalFormatting sqref="C625">
    <cfRule type="containsBlanks" dxfId="98" priority="106">
      <formula>LEN(TRIM(C625))=0</formula>
    </cfRule>
  </conditionalFormatting>
  <conditionalFormatting sqref="C623">
    <cfRule type="containsBlanks" dxfId="97" priority="105">
      <formula>LEN(TRIM(C623))=0</formula>
    </cfRule>
  </conditionalFormatting>
  <conditionalFormatting sqref="C624">
    <cfRule type="containsBlanks" dxfId="96" priority="102">
      <formula>LEN(TRIM(C624))=0</formula>
    </cfRule>
  </conditionalFormatting>
  <conditionalFormatting sqref="C621">
    <cfRule type="containsBlanks" dxfId="95" priority="103">
      <formula>LEN(TRIM(C621))=0</formula>
    </cfRule>
  </conditionalFormatting>
  <conditionalFormatting sqref="C630">
    <cfRule type="containsBlanks" dxfId="94" priority="100">
      <formula>LEN(TRIM(C630))=0</formula>
    </cfRule>
  </conditionalFormatting>
  <conditionalFormatting sqref="C632">
    <cfRule type="containsBlanks" dxfId="93" priority="101">
      <formula>LEN(TRIM(C632))=0</formula>
    </cfRule>
  </conditionalFormatting>
  <conditionalFormatting sqref="C631">
    <cfRule type="containsBlanks" dxfId="92" priority="99">
      <formula>LEN(TRIM(C631))=0</formula>
    </cfRule>
  </conditionalFormatting>
  <conditionalFormatting sqref="C639">
    <cfRule type="containsBlanks" dxfId="91" priority="98">
      <formula>LEN(TRIM(C639))=0</formula>
    </cfRule>
  </conditionalFormatting>
  <conditionalFormatting sqref="C641">
    <cfRule type="containsBlanks" dxfId="90" priority="97">
      <formula>LEN(TRIM(C641))=0</formula>
    </cfRule>
  </conditionalFormatting>
  <conditionalFormatting sqref="C648">
    <cfRule type="containsBlanks" dxfId="89" priority="96">
      <formula>LEN(TRIM(C648))=0</formula>
    </cfRule>
  </conditionalFormatting>
  <conditionalFormatting sqref="C650">
    <cfRule type="containsBlanks" dxfId="88" priority="95">
      <formula>LEN(TRIM(C650))=0</formula>
    </cfRule>
  </conditionalFormatting>
  <conditionalFormatting sqref="C657">
    <cfRule type="containsBlanks" dxfId="87" priority="94">
      <formula>LEN(TRIM(C657))=0</formula>
    </cfRule>
  </conditionalFormatting>
  <conditionalFormatting sqref="C659">
    <cfRule type="containsBlanks" dxfId="86" priority="93">
      <formula>LEN(TRIM(C659))=0</formula>
    </cfRule>
  </conditionalFormatting>
  <conditionalFormatting sqref="C667">
    <cfRule type="containsBlanks" dxfId="85" priority="92">
      <formula>LEN(TRIM(C667))=0</formula>
    </cfRule>
  </conditionalFormatting>
  <conditionalFormatting sqref="C669">
    <cfRule type="containsBlanks" dxfId="84" priority="91">
      <formula>LEN(TRIM(C669))=0</formula>
    </cfRule>
  </conditionalFormatting>
  <conditionalFormatting sqref="C666">
    <cfRule type="containsBlanks" dxfId="83" priority="90">
      <formula>LEN(TRIM(C666))=0</formula>
    </cfRule>
  </conditionalFormatting>
  <conditionalFormatting sqref="C678">
    <cfRule type="containsBlanks" dxfId="82" priority="88">
      <formula>LEN(TRIM(C678))=0</formula>
    </cfRule>
  </conditionalFormatting>
  <conditionalFormatting sqref="C676 C680">
    <cfRule type="containsBlanks" dxfId="81" priority="89">
      <formula>LEN(TRIM(C676))=0</formula>
    </cfRule>
  </conditionalFormatting>
  <conditionalFormatting sqref="C688">
    <cfRule type="containsBlanks" dxfId="80" priority="86">
      <formula>LEN(TRIM(C688))=0</formula>
    </cfRule>
  </conditionalFormatting>
  <conditionalFormatting sqref="C687 C689">
    <cfRule type="containsBlanks" dxfId="79" priority="87">
      <formula>LEN(TRIM(C687))=0</formula>
    </cfRule>
  </conditionalFormatting>
  <conditionalFormatting sqref="C696">
    <cfRule type="containsBlanks" dxfId="78" priority="85">
      <formula>LEN(TRIM(C696))=0</formula>
    </cfRule>
  </conditionalFormatting>
  <conditionalFormatting sqref="C704">
    <cfRule type="containsBlanks" dxfId="77" priority="83">
      <formula>LEN(TRIM(C704))=0</formula>
    </cfRule>
  </conditionalFormatting>
  <conditionalFormatting sqref="C703">
    <cfRule type="containsBlanks" dxfId="76" priority="84">
      <formula>LEN(TRIM(C703))=0</formula>
    </cfRule>
  </conditionalFormatting>
  <conditionalFormatting sqref="C711">
    <cfRule type="containsBlanks" dxfId="75" priority="82">
      <formula>LEN(TRIM(C711))=0</formula>
    </cfRule>
  </conditionalFormatting>
  <conditionalFormatting sqref="C718 C720 C722 C724 C726 C728">
    <cfRule type="containsBlanks" dxfId="74" priority="81">
      <formula>LEN(TRIM(C718))=0</formula>
    </cfRule>
  </conditionalFormatting>
  <conditionalFormatting sqref="C730 C732 C734 C736">
    <cfRule type="containsBlanks" dxfId="73" priority="80">
      <formula>LEN(TRIM(C730))=0</formula>
    </cfRule>
  </conditionalFormatting>
  <conditionalFormatting sqref="C743 C745 C747 C749 C751 C753">
    <cfRule type="containsBlanks" dxfId="72" priority="79">
      <formula>LEN(TRIM(C743))=0</formula>
    </cfRule>
  </conditionalFormatting>
  <conditionalFormatting sqref="C755 C757 C759 C761">
    <cfRule type="containsBlanks" dxfId="71" priority="78">
      <formula>LEN(TRIM(C755))=0</formula>
    </cfRule>
  </conditionalFormatting>
  <conditionalFormatting sqref="C763 C765 C767 C769 C771 C773">
    <cfRule type="containsBlanks" dxfId="70" priority="77">
      <formula>LEN(TRIM(C763))=0</formula>
    </cfRule>
  </conditionalFormatting>
  <conditionalFormatting sqref="C775 C777 C779 C781">
    <cfRule type="containsBlanks" dxfId="69" priority="76">
      <formula>LEN(TRIM(C775))=0</formula>
    </cfRule>
  </conditionalFormatting>
  <conditionalFormatting sqref="C783 C785">
    <cfRule type="containsBlanks" dxfId="68" priority="75">
      <formula>LEN(TRIM(C783))=0</formula>
    </cfRule>
  </conditionalFormatting>
  <conditionalFormatting sqref="C792">
    <cfRule type="containsBlanks" dxfId="67" priority="74">
      <formula>LEN(TRIM(C792))=0</formula>
    </cfRule>
  </conditionalFormatting>
  <conditionalFormatting sqref="C794">
    <cfRule type="containsBlanks" dxfId="66" priority="73">
      <formula>LEN(TRIM(C794))=0</formula>
    </cfRule>
  </conditionalFormatting>
  <conditionalFormatting sqref="C801 C803 C805 C807 C809 C811">
    <cfRule type="containsBlanks" dxfId="65" priority="72">
      <formula>LEN(TRIM(C801))=0</formula>
    </cfRule>
  </conditionalFormatting>
  <conditionalFormatting sqref="C818">
    <cfRule type="containsBlanks" dxfId="64" priority="71">
      <formula>LEN(TRIM(C818))=0</formula>
    </cfRule>
  </conditionalFormatting>
  <conditionalFormatting sqref="C825">
    <cfRule type="containsBlanks" dxfId="63" priority="70">
      <formula>LEN(TRIM(C825))=0</formula>
    </cfRule>
  </conditionalFormatting>
  <conditionalFormatting sqref="C832 C834 C836 C838 C840 C842">
    <cfRule type="containsBlanks" dxfId="62" priority="69">
      <formula>LEN(TRIM(C832))=0</formula>
    </cfRule>
  </conditionalFormatting>
  <conditionalFormatting sqref="C844">
    <cfRule type="containsBlanks" dxfId="61" priority="68">
      <formula>LEN(TRIM(C844))=0</formula>
    </cfRule>
  </conditionalFormatting>
  <conditionalFormatting sqref="C851 C853 C855 C857 C859 C861">
    <cfRule type="containsBlanks" dxfId="60" priority="67">
      <formula>LEN(TRIM(C851))=0</formula>
    </cfRule>
  </conditionalFormatting>
  <conditionalFormatting sqref="C863 C865 C867 C869">
    <cfRule type="containsBlanks" dxfId="59" priority="66">
      <formula>LEN(TRIM(C863))=0</formula>
    </cfRule>
  </conditionalFormatting>
  <conditionalFormatting sqref="C871">
    <cfRule type="containsBlanks" dxfId="58" priority="65">
      <formula>LEN(TRIM(C871))=0</formula>
    </cfRule>
  </conditionalFormatting>
  <conditionalFormatting sqref="C878 C880 C882 C884 C886">
    <cfRule type="containsBlanks" dxfId="57" priority="64">
      <formula>LEN(TRIM(C878))=0</formula>
    </cfRule>
  </conditionalFormatting>
  <conditionalFormatting sqref="C893 C895 C897 C899 C901 C903">
    <cfRule type="containsBlanks" dxfId="56" priority="63">
      <formula>LEN(TRIM(C893))=0</formula>
    </cfRule>
  </conditionalFormatting>
  <conditionalFormatting sqref="C917 C929">
    <cfRule type="containsBlanks" dxfId="55" priority="62">
      <formula>LEN(TRIM(C917))=0</formula>
    </cfRule>
  </conditionalFormatting>
  <conditionalFormatting sqref="C923">
    <cfRule type="containsBlanks" dxfId="54" priority="61">
      <formula>LEN(TRIM(C923))=0</formula>
    </cfRule>
  </conditionalFormatting>
  <conditionalFormatting sqref="C937">
    <cfRule type="containsBlanks" dxfId="53" priority="59">
      <formula>LEN(TRIM(C937))=0</formula>
    </cfRule>
  </conditionalFormatting>
  <conditionalFormatting sqref="C914">
    <cfRule type="containsBlanks" dxfId="52" priority="54">
      <formula>LEN(TRIM(C914))=0</formula>
    </cfRule>
  </conditionalFormatting>
  <conditionalFormatting sqref="C936">
    <cfRule type="containsBlanks" dxfId="51" priority="58">
      <formula>LEN(TRIM(C936))=0</formula>
    </cfRule>
  </conditionalFormatting>
  <conditionalFormatting sqref="C935">
    <cfRule type="containsBlanks" dxfId="50" priority="57">
      <formula>LEN(TRIM(C935))=0</formula>
    </cfRule>
  </conditionalFormatting>
  <conditionalFormatting sqref="C916">
    <cfRule type="containsBlanks" dxfId="49" priority="56">
      <formula>LEN(TRIM(C916))=0</formula>
    </cfRule>
  </conditionalFormatting>
  <conditionalFormatting sqref="C915">
    <cfRule type="containsBlanks" dxfId="48" priority="55">
      <formula>LEN(TRIM(C915))=0</formula>
    </cfRule>
  </conditionalFormatting>
  <conditionalFormatting sqref="C913">
    <cfRule type="containsBlanks" dxfId="47" priority="53">
      <formula>LEN(TRIM(C913))=0</formula>
    </cfRule>
  </conditionalFormatting>
  <conditionalFormatting sqref="C910">
    <cfRule type="containsBlanks" dxfId="46" priority="50">
      <formula>LEN(TRIM(C910))=0</formula>
    </cfRule>
  </conditionalFormatting>
  <conditionalFormatting sqref="C912">
    <cfRule type="containsBlanks" dxfId="45" priority="52">
      <formula>LEN(TRIM(C912))=0</formula>
    </cfRule>
  </conditionalFormatting>
  <conditionalFormatting sqref="C911">
    <cfRule type="containsBlanks" dxfId="44" priority="51">
      <formula>LEN(TRIM(C911))=0</formula>
    </cfRule>
  </conditionalFormatting>
  <conditionalFormatting sqref="C922">
    <cfRule type="containsBlanks" dxfId="43" priority="49">
      <formula>LEN(TRIM(C922))=0</formula>
    </cfRule>
  </conditionalFormatting>
  <conditionalFormatting sqref="C920">
    <cfRule type="containsBlanks" dxfId="42" priority="47">
      <formula>LEN(TRIM(C920))=0</formula>
    </cfRule>
  </conditionalFormatting>
  <conditionalFormatting sqref="C921">
    <cfRule type="containsBlanks" dxfId="41" priority="48">
      <formula>LEN(TRIM(C921))=0</formula>
    </cfRule>
  </conditionalFormatting>
  <conditionalFormatting sqref="C928">
    <cfRule type="containsBlanks" dxfId="40" priority="45">
      <formula>LEN(TRIM(C928))=0</formula>
    </cfRule>
  </conditionalFormatting>
  <conditionalFormatting sqref="C919">
    <cfRule type="containsBlanks" dxfId="39" priority="46">
      <formula>LEN(TRIM(C919))=0</formula>
    </cfRule>
  </conditionalFormatting>
  <conditionalFormatting sqref="C926">
    <cfRule type="containsBlanks" dxfId="38" priority="43">
      <formula>LEN(TRIM(C926))=0</formula>
    </cfRule>
  </conditionalFormatting>
  <conditionalFormatting sqref="C927">
    <cfRule type="containsBlanks" dxfId="37" priority="44">
      <formula>LEN(TRIM(C927))=0</formula>
    </cfRule>
  </conditionalFormatting>
  <conditionalFormatting sqref="C946">
    <cfRule type="containsBlanks" dxfId="36" priority="30">
      <formula>LEN(TRIM(C946))=0</formula>
    </cfRule>
  </conditionalFormatting>
  <conditionalFormatting sqref="C925">
    <cfRule type="containsBlanks" dxfId="35" priority="42">
      <formula>LEN(TRIM(C925))=0</formula>
    </cfRule>
  </conditionalFormatting>
  <conditionalFormatting sqref="C933">
    <cfRule type="containsBlanks" dxfId="34" priority="40">
      <formula>LEN(TRIM(C933))=0</formula>
    </cfRule>
  </conditionalFormatting>
  <conditionalFormatting sqref="C942">
    <cfRule type="containsBlanks" dxfId="33" priority="36">
      <formula>LEN(TRIM(C942))=0</formula>
    </cfRule>
  </conditionalFormatting>
  <conditionalFormatting sqref="C932">
    <cfRule type="containsBlanks" dxfId="32" priority="39">
      <formula>LEN(TRIM(C932))=0</formula>
    </cfRule>
  </conditionalFormatting>
  <conditionalFormatting sqref="C931">
    <cfRule type="containsBlanks" dxfId="31" priority="38">
      <formula>LEN(TRIM(C931))=0</formula>
    </cfRule>
  </conditionalFormatting>
  <conditionalFormatting sqref="C934">
    <cfRule type="containsBlanks" dxfId="30" priority="37">
      <formula>LEN(TRIM(C934))=0</formula>
    </cfRule>
  </conditionalFormatting>
  <conditionalFormatting sqref="C941">
    <cfRule type="containsBlanks" dxfId="29" priority="35">
      <formula>LEN(TRIM(C941))=0</formula>
    </cfRule>
  </conditionalFormatting>
  <conditionalFormatting sqref="C939">
    <cfRule type="containsBlanks" dxfId="28" priority="34">
      <formula>LEN(TRIM(C939))=0</formula>
    </cfRule>
  </conditionalFormatting>
  <conditionalFormatting sqref="C940">
    <cfRule type="containsBlanks" dxfId="27" priority="33">
      <formula>LEN(TRIM(C940))=0</formula>
    </cfRule>
  </conditionalFormatting>
  <conditionalFormatting sqref="C949">
    <cfRule type="containsBlanks" dxfId="26" priority="32">
      <formula>LEN(TRIM(C949))=0</formula>
    </cfRule>
  </conditionalFormatting>
  <conditionalFormatting sqref="C948">
    <cfRule type="containsBlanks" dxfId="25" priority="31">
      <formula>LEN(TRIM(C948))=0</formula>
    </cfRule>
  </conditionalFormatting>
  <conditionalFormatting sqref="C945">
    <cfRule type="containsBlanks" dxfId="24" priority="29">
      <formula>LEN(TRIM(C945))=0</formula>
    </cfRule>
  </conditionalFormatting>
  <conditionalFormatting sqref="C956">
    <cfRule type="containsBlanks" dxfId="23" priority="26">
      <formula>LEN(TRIM(C956))=0</formula>
    </cfRule>
  </conditionalFormatting>
  <conditionalFormatting sqref="C944">
    <cfRule type="containsBlanks" dxfId="22" priority="28">
      <formula>LEN(TRIM(C944))=0</formula>
    </cfRule>
  </conditionalFormatting>
  <conditionalFormatting sqref="C947">
    <cfRule type="containsBlanks" dxfId="21" priority="27">
      <formula>LEN(TRIM(C947))=0</formula>
    </cfRule>
  </conditionalFormatting>
  <conditionalFormatting sqref="C963">
    <cfRule type="containsBlanks" dxfId="20" priority="25">
      <formula>LEN(TRIM(C963))=0</formula>
    </cfRule>
  </conditionalFormatting>
  <conditionalFormatting sqref="C964">
    <cfRule type="containsBlanks" dxfId="19" priority="23">
      <formula>LEN(TRIM(C964))=0</formula>
    </cfRule>
  </conditionalFormatting>
  <conditionalFormatting sqref="C965">
    <cfRule type="containsBlanks" dxfId="18" priority="24">
      <formula>LEN(TRIM(C965))=0</formula>
    </cfRule>
  </conditionalFormatting>
  <conditionalFormatting sqref="C980">
    <cfRule type="containsBlanks" dxfId="17" priority="21">
      <formula>LEN(TRIM(C980))=0</formula>
    </cfRule>
  </conditionalFormatting>
  <conditionalFormatting sqref="C972">
    <cfRule type="containsBlanks" dxfId="16" priority="22">
      <formula>LEN(TRIM(C972))=0</formula>
    </cfRule>
  </conditionalFormatting>
  <conditionalFormatting sqref="C979">
    <cfRule type="containsBlanks" dxfId="15" priority="20">
      <formula>LEN(TRIM(C979))=0</formula>
    </cfRule>
  </conditionalFormatting>
  <conditionalFormatting sqref="C988">
    <cfRule type="containsBlanks" dxfId="14" priority="19">
      <formula>LEN(TRIM(C988))=0</formula>
    </cfRule>
  </conditionalFormatting>
  <conditionalFormatting sqref="C987">
    <cfRule type="containsBlanks" dxfId="13" priority="18">
      <formula>LEN(TRIM(C987))=0</formula>
    </cfRule>
  </conditionalFormatting>
  <conditionalFormatting sqref="C1012">
    <cfRule type="containsBlanks" dxfId="12" priority="6">
      <formula>LEN(TRIM(C1012))=0</formula>
    </cfRule>
  </conditionalFormatting>
  <conditionalFormatting sqref="C996">
    <cfRule type="containsBlanks" dxfId="11" priority="17">
      <formula>LEN(TRIM(C996))=0</formula>
    </cfRule>
  </conditionalFormatting>
  <conditionalFormatting sqref="C995">
    <cfRule type="containsBlanks" dxfId="10" priority="16">
      <formula>LEN(TRIM(C995))=0</formula>
    </cfRule>
  </conditionalFormatting>
  <conditionalFormatting sqref="C1007">
    <cfRule type="containsBlanks" dxfId="9" priority="11">
      <formula>LEN(TRIM(C1007))=0</formula>
    </cfRule>
  </conditionalFormatting>
  <conditionalFormatting sqref="C1006">
    <cfRule type="containsBlanks" dxfId="8" priority="10">
      <formula>LEN(TRIM(C1006))=0</formula>
    </cfRule>
  </conditionalFormatting>
  <conditionalFormatting sqref="C1003">
    <cfRule type="containsBlanks" dxfId="7" priority="7">
      <formula>LEN(TRIM(C1003))=0</formula>
    </cfRule>
  </conditionalFormatting>
  <conditionalFormatting sqref="C1005">
    <cfRule type="containsBlanks" dxfId="6" priority="9">
      <formula>LEN(TRIM(C1005))=0</formula>
    </cfRule>
  </conditionalFormatting>
  <conditionalFormatting sqref="C1004">
    <cfRule type="containsBlanks" dxfId="5" priority="8">
      <formula>LEN(TRIM(C1004))=0</formula>
    </cfRule>
  </conditionalFormatting>
  <conditionalFormatting sqref="C1010">
    <cfRule type="containsBlanks" dxfId="4" priority="4">
      <formula>LEN(TRIM(C1010))=0</formula>
    </cfRule>
  </conditionalFormatting>
  <conditionalFormatting sqref="C1011">
    <cfRule type="containsBlanks" dxfId="3" priority="5">
      <formula>LEN(TRIM(C1011))=0</formula>
    </cfRule>
  </conditionalFormatting>
  <conditionalFormatting sqref="C1009">
    <cfRule type="containsBlanks" dxfId="2" priority="3">
      <formula>LEN(TRIM(C1009))=0</formula>
    </cfRule>
  </conditionalFormatting>
  <conditionalFormatting sqref="C1019 C1021 C1023 C1025 C1027 C1029">
    <cfRule type="containsBlanks" dxfId="1" priority="2">
      <formula>LEN(TRIM(C1019))=0</formula>
    </cfRule>
  </conditionalFormatting>
  <conditionalFormatting sqref="C1048:C1054">
    <cfRule type="containsBlanks" dxfId="0" priority="1">
      <formula>LEN(TRIM(C1048))=0</formula>
    </cfRule>
  </conditionalFormatting>
  <pageMargins left="0.7" right="0.7" top="0.97499999999999998" bottom="0.75" header="0.3" footer="0.3"/>
  <pageSetup paperSize="8" fitToHeight="0" orientation="landscape" r:id="rId1"/>
  <headerFooter>
    <oddHeader>&amp;C&amp;"Arial,Normálne"&amp;16CENOVÁ PONUKA&amp;14
pre účel
prípravnej trhovej konzultácia a predbežného zapojenia záujemcov alebo uchádzačov (ďalej aj "PTK")</oddHeader>
    <oddFooter>&amp;CStrana &amp;P z &amp;N</oddFooter>
  </headerFooter>
  <rowBreaks count="58" manualBreakCount="58">
    <brk id="34" max="4" man="1"/>
    <brk id="60" max="4" man="1"/>
    <brk id="85" max="4" man="1"/>
    <brk id="242" max="4" man="1"/>
    <brk id="259" max="4" man="1"/>
    <brk id="323" max="4" man="1"/>
    <brk id="340" max="4" man="1"/>
    <brk id="353" max="4" man="1"/>
    <brk id="362" max="4" man="1"/>
    <brk id="373" max="4" man="1"/>
    <brk id="400" max="4" man="1"/>
    <brk id="409" max="4" man="1"/>
    <brk id="423" max="4" man="1"/>
    <brk id="437" max="4" man="1"/>
    <brk id="446" max="4" man="1"/>
    <brk id="456" max="4" man="1"/>
    <brk id="470" max="4" man="1"/>
    <brk id="486" max="4" man="1"/>
    <brk id="500" max="4" man="1"/>
    <brk id="514" max="4" man="1"/>
    <brk id="528" max="4" man="1"/>
    <brk id="537" max="4" man="1"/>
    <brk id="551" max="4" man="1"/>
    <brk id="558" max="4" man="1"/>
    <brk id="571" max="4" man="1"/>
    <brk id="583" max="4" man="1"/>
    <brk id="600" max="4" man="1"/>
    <brk id="633" max="4" man="1"/>
    <brk id="642" max="4" man="1"/>
    <brk id="651" max="4" man="1"/>
    <brk id="660" max="4" man="1"/>
    <brk id="670" max="4" man="1"/>
    <brk id="681" max="4" man="1"/>
    <brk id="690" max="4" man="1"/>
    <brk id="697" max="4" man="1"/>
    <brk id="724" max="4" man="1"/>
    <brk id="737" max="4" man="1"/>
    <brk id="745" max="4" man="1"/>
    <brk id="751" max="4" man="1"/>
    <brk id="757" max="4" man="1"/>
    <brk id="767" max="4" man="1"/>
    <brk id="795" max="4" man="1"/>
    <brk id="807" max="4" man="1"/>
    <brk id="819" max="4" man="1"/>
    <brk id="845" max="4" man="1"/>
    <brk id="872" max="4" man="1"/>
    <brk id="887" max="4" man="1"/>
    <brk id="899" max="4" man="1"/>
    <brk id="904" max="4" man="1"/>
    <brk id="923" max="4" man="1"/>
    <brk id="946" max="4" man="1"/>
    <brk id="957" max="4" man="1"/>
    <brk id="973" max="4" man="1"/>
    <brk id="989" max="4" man="1"/>
    <brk id="997" max="4" man="1"/>
    <brk id="1013" max="4" man="1"/>
    <brk id="1027" max="4" man="1"/>
    <brk id="1068"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3</xdr:row>
                    <xdr:rowOff>24765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256</xdr:row>
                    <xdr:rowOff>38100</xdr:rowOff>
                  </from>
                  <to>
                    <xdr:col>0</xdr:col>
                    <xdr:colOff>533400</xdr:colOff>
                    <xdr:row>257</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257</xdr:row>
                    <xdr:rowOff>0</xdr:rowOff>
                  </from>
                  <to>
                    <xdr:col>0</xdr:col>
                    <xdr:colOff>523875</xdr:colOff>
                    <xdr:row>25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2-10-05T12:25:03Z</cp:lastPrinted>
  <dcterms:created xsi:type="dcterms:W3CDTF">2017-04-21T05:51:15Z</dcterms:created>
  <dcterms:modified xsi:type="dcterms:W3CDTF">2022-10-21T10:54:50Z</dcterms:modified>
</cp:coreProperties>
</file>